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11表" sheetId="1" r:id="rId1"/>
  </sheets>
  <definedNames>
    <definedName name="_Fill" localSheetId="0" hidden="1">第11表!#REF!</definedName>
    <definedName name="_Key1" hidden="1">#REF!</definedName>
    <definedName name="_Order1" hidden="1">0</definedName>
    <definedName name="_Regression_Int" localSheetId="0" hidden="1">1</definedName>
    <definedName name="\a" localSheetId="0">第11表!#REF!</definedName>
    <definedName name="\b">#REF!</definedName>
    <definedName name="_xlnm.Print_Area" localSheetId="0">第11表!$A$1:$AH$46</definedName>
    <definedName name="Print_Area_MI" localSheetId="0">第11表!#REF!</definedName>
    <definedName name="Print_Titles_MI" localSheetId="0">第11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1" uniqueCount="102">
  <si>
    <t>第１１表　調整交付金の状況－１</t>
    <phoneticPr fontId="3"/>
  </si>
  <si>
    <t>第１１表　調整交付金の状況－２</t>
    <phoneticPr fontId="3"/>
  </si>
  <si>
    <t>第１１表　調整交付金の状況－３</t>
    <phoneticPr fontId="3"/>
  </si>
  <si>
    <t>非表示</t>
    <rPh sb="0" eb="3">
      <t>ヒヒョウジ</t>
    </rPh>
    <phoneticPr fontId="4"/>
  </si>
  <si>
    <t xml:space="preserve"> （単位：千円)</t>
    <phoneticPr fontId="4"/>
  </si>
  <si>
    <t>保険者名</t>
  </si>
  <si>
    <t>　　調　　整　　交　　付　　金</t>
  </si>
  <si>
    <t>年間平均</t>
    <phoneticPr fontId="4"/>
  </si>
  <si>
    <t>年間平均</t>
    <phoneticPr fontId="4"/>
  </si>
  <si>
    <t>基  準  総  所  得  金  額  （  医  療  分  ）</t>
    <rPh sb="24" eb="25">
      <t>イ</t>
    </rPh>
    <rPh sb="27" eb="28">
      <t>リョウ</t>
    </rPh>
    <rPh sb="30" eb="31">
      <t>ブン</t>
    </rPh>
    <phoneticPr fontId="4"/>
  </si>
  <si>
    <t xml:space="preserve"> 年間平均</t>
  </si>
  <si>
    <t>基  準  総  所  得  金  額  （　後　期　支　援  分  ）</t>
    <rPh sb="23" eb="24">
      <t>アト</t>
    </rPh>
    <rPh sb="25" eb="26">
      <t>キ</t>
    </rPh>
    <rPh sb="27" eb="28">
      <t>ササ</t>
    </rPh>
    <rPh sb="29" eb="30">
      <t>エン</t>
    </rPh>
    <rPh sb="32" eb="33">
      <t>ブン</t>
    </rPh>
    <phoneticPr fontId="4"/>
  </si>
  <si>
    <t>基  準  総  所  得  金  額  （  介  護  分  ）</t>
    <rPh sb="24" eb="25">
      <t>スケ</t>
    </rPh>
    <rPh sb="27" eb="28">
      <t>マモル</t>
    </rPh>
    <rPh sb="30" eb="31">
      <t>ブン</t>
    </rPh>
    <phoneticPr fontId="4"/>
  </si>
  <si>
    <t>普  通  調  整  交  付  金</t>
    <rPh sb="6" eb="7">
      <t>チョウ</t>
    </rPh>
    <rPh sb="9" eb="10">
      <t>ヒトシ</t>
    </rPh>
    <rPh sb="12" eb="13">
      <t>コウ</t>
    </rPh>
    <rPh sb="15" eb="16">
      <t>ヅケ</t>
    </rPh>
    <rPh sb="18" eb="19">
      <t>キン</t>
    </rPh>
    <phoneticPr fontId="4"/>
  </si>
  <si>
    <t>特  別  調  整  交  付  金</t>
    <rPh sb="0" eb="1">
      <t>トク</t>
    </rPh>
    <rPh sb="3" eb="4">
      <t>ベツ</t>
    </rPh>
    <rPh sb="6" eb="7">
      <t>チョウ</t>
    </rPh>
    <rPh sb="9" eb="10">
      <t>ヒトシ</t>
    </rPh>
    <rPh sb="12" eb="13">
      <t>コウ</t>
    </rPh>
    <rPh sb="15" eb="16">
      <t>ヅケ</t>
    </rPh>
    <rPh sb="18" eb="19">
      <t>キン</t>
    </rPh>
    <phoneticPr fontId="4"/>
  </si>
  <si>
    <t>(1月-12月)</t>
    <phoneticPr fontId="4"/>
  </si>
  <si>
    <t>(1月-12月)</t>
    <phoneticPr fontId="4"/>
  </si>
  <si>
    <t>基準総所得金額</t>
  </si>
  <si>
    <t>(B)の内限度額</t>
  </si>
  <si>
    <t>減額後の基準総</t>
  </si>
  <si>
    <t>一人当り</t>
  </si>
  <si>
    <t>(退)の限度額</t>
  </si>
  <si>
    <t>医療分
（後期分を含む）</t>
    <rPh sb="0" eb="2">
      <t>イリョウ</t>
    </rPh>
    <rPh sb="2" eb="3">
      <t>ブン</t>
    </rPh>
    <rPh sb="5" eb="7">
      <t>コウキ</t>
    </rPh>
    <rPh sb="7" eb="8">
      <t>ブン</t>
    </rPh>
    <rPh sb="9" eb="10">
      <t>フク</t>
    </rPh>
    <phoneticPr fontId="4"/>
  </si>
  <si>
    <t>介護分</t>
    <rPh sb="0" eb="2">
      <t>カイゴ</t>
    </rPh>
    <rPh sb="2" eb="3">
      <t>ブン</t>
    </rPh>
    <phoneticPr fontId="4"/>
  </si>
  <si>
    <t>へき地</t>
  </si>
  <si>
    <t>直診</t>
  </si>
  <si>
    <t>その他</t>
  </si>
  <si>
    <t>計</t>
  </si>
  <si>
    <t>全被保険者数</t>
    <rPh sb="0" eb="1">
      <t>ゼン</t>
    </rPh>
    <phoneticPr fontId="4"/>
  </si>
  <si>
    <t>一般被保険者数</t>
    <rPh sb="0" eb="2">
      <t>イッパン</t>
    </rPh>
    <phoneticPr fontId="4"/>
  </si>
  <si>
    <t xml:space="preserve">   (全体分)   </t>
  </si>
  <si>
    <t xml:space="preserve"> を超える額</t>
    <rPh sb="2" eb="3">
      <t>コ</t>
    </rPh>
    <phoneticPr fontId="4"/>
  </si>
  <si>
    <t>所得金額 B-C-D</t>
  </si>
  <si>
    <t>(B)の額</t>
  </si>
  <si>
    <t>(E)の額</t>
  </si>
  <si>
    <t>以下の基準総</t>
  </si>
  <si>
    <t>介護被保険者数</t>
    <rPh sb="0" eb="2">
      <t>カイゴ</t>
    </rPh>
    <rPh sb="2" eb="6">
      <t>ヒホ</t>
    </rPh>
    <rPh sb="6" eb="7">
      <t>スウ</t>
    </rPh>
    <phoneticPr fontId="4"/>
  </si>
  <si>
    <t xml:space="preserve"> </t>
    <phoneticPr fontId="4"/>
  </si>
  <si>
    <t>所得金額 B-C</t>
    <phoneticPr fontId="4"/>
  </si>
  <si>
    <t>直診運営</t>
    <rPh sb="0" eb="2">
      <t>チョクシン</t>
    </rPh>
    <rPh sb="2" eb="4">
      <t>ウンエイ</t>
    </rPh>
    <phoneticPr fontId="4"/>
  </si>
  <si>
    <t>施設整備</t>
    <rPh sb="0" eb="2">
      <t>シセツ</t>
    </rPh>
    <rPh sb="2" eb="4">
      <t>セイビ</t>
    </rPh>
    <phoneticPr fontId="4"/>
  </si>
  <si>
    <t>(附則含む)</t>
    <phoneticPr fontId="4"/>
  </si>
  <si>
    <t>(人)  (A)</t>
    <phoneticPr fontId="4"/>
  </si>
  <si>
    <t xml:space="preserve">（人） (A') </t>
    <rPh sb="1" eb="2">
      <t>ニン</t>
    </rPh>
    <phoneticPr fontId="4"/>
  </si>
  <si>
    <t xml:space="preserve"> (B)</t>
    <phoneticPr fontId="4"/>
  </si>
  <si>
    <t xml:space="preserve"> (全体分)  (C)</t>
    <phoneticPr fontId="4"/>
  </si>
  <si>
    <t>(E)</t>
  </si>
  <si>
    <t>(B)/(A)</t>
  </si>
  <si>
    <t>(E)/(A')</t>
    <phoneticPr fontId="4"/>
  </si>
  <si>
    <t>所得金額 (D)</t>
    <phoneticPr fontId="4"/>
  </si>
  <si>
    <t xml:space="preserve"> (B)</t>
    <phoneticPr fontId="4"/>
  </si>
  <si>
    <t xml:space="preserve"> (全体分)  (C)</t>
    <phoneticPr fontId="4"/>
  </si>
  <si>
    <t>(E)/(A')</t>
    <phoneticPr fontId="4"/>
  </si>
  <si>
    <t>所得金額 (D)</t>
    <phoneticPr fontId="4"/>
  </si>
  <si>
    <t>(人)  (A)</t>
    <phoneticPr fontId="4"/>
  </si>
  <si>
    <t xml:space="preserve"> (B)</t>
    <phoneticPr fontId="4"/>
  </si>
  <si>
    <t>(C)</t>
    <phoneticPr fontId="4"/>
  </si>
  <si>
    <t>(E)/(A)</t>
  </si>
  <si>
    <t>所得金額 (D)</t>
  </si>
  <si>
    <t xml:space="preserve"> 横浜市</t>
    <phoneticPr fontId="4"/>
  </si>
  <si>
    <t xml:space="preserve"> 横浜市</t>
    <phoneticPr fontId="4"/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 xml:space="preserve"> 津久井町</t>
  </si>
  <si>
    <t xml:space="preserve"> 相模湖町</t>
  </si>
  <si>
    <t xml:space="preserve"> 藤野町</t>
  </si>
  <si>
    <t>市           計</t>
    <phoneticPr fontId="4"/>
  </si>
  <si>
    <t>市           計</t>
    <phoneticPr fontId="4"/>
  </si>
  <si>
    <t>町   村   計</t>
    <phoneticPr fontId="4"/>
  </si>
  <si>
    <t>市町村計</t>
    <phoneticPr fontId="4"/>
  </si>
  <si>
    <t>市町村計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7" fontId="1" fillId="0" borderId="0"/>
  </cellStyleXfs>
  <cellXfs count="125">
    <xf numFmtId="0" fontId="0" fillId="0" borderId="0" xfId="0"/>
    <xf numFmtId="37" fontId="4" fillId="0" borderId="0" xfId="1" applyFont="1" applyFill="1"/>
    <xf numFmtId="37" fontId="4" fillId="0" borderId="0" xfId="1" applyFont="1" applyFill="1" applyAlignment="1" applyProtection="1">
      <alignment horizontal="left"/>
    </xf>
    <xf numFmtId="37" fontId="5" fillId="0" borderId="0" xfId="1" applyFont="1" applyFill="1" applyAlignment="1" applyProtection="1">
      <alignment horizontal="left"/>
    </xf>
    <xf numFmtId="37" fontId="6" fillId="0" borderId="1" xfId="1" applyFont="1" applyFill="1" applyBorder="1"/>
    <xf numFmtId="37" fontId="6" fillId="0" borderId="1" xfId="1" applyFont="1" applyFill="1" applyBorder="1" applyAlignment="1">
      <alignment horizontal="center"/>
    </xf>
    <xf numFmtId="49" fontId="6" fillId="0" borderId="1" xfId="1" applyNumberFormat="1" applyFont="1" applyFill="1" applyBorder="1" applyAlignment="1" applyProtection="1">
      <alignment horizontal="centerContinuous"/>
    </xf>
    <xf numFmtId="37" fontId="7" fillId="0" borderId="1" xfId="1" applyFont="1" applyFill="1" applyBorder="1" applyAlignment="1">
      <alignment horizontal="right"/>
    </xf>
    <xf numFmtId="37" fontId="6" fillId="0" borderId="1" xfId="1" applyFont="1" applyFill="1" applyBorder="1" applyAlignment="1">
      <alignment horizontal="centerContinuous"/>
    </xf>
    <xf numFmtId="37" fontId="6" fillId="0" borderId="1" xfId="1" applyFont="1" applyFill="1" applyBorder="1" applyAlignment="1">
      <alignment horizontal="right"/>
    </xf>
    <xf numFmtId="37" fontId="6" fillId="0" borderId="1" xfId="1" applyFont="1" applyFill="1" applyBorder="1" applyAlignment="1" applyProtection="1">
      <alignment horizontal="center"/>
    </xf>
    <xf numFmtId="37" fontId="6" fillId="0" borderId="0" xfId="1" applyFont="1" applyFill="1"/>
    <xf numFmtId="37" fontId="7" fillId="0" borderId="4" xfId="1" applyFont="1" applyFill="1" applyBorder="1" applyAlignment="1">
      <alignment horizontal="distributed" justifyLastLine="1"/>
    </xf>
    <xf numFmtId="37" fontId="7" fillId="0" borderId="5" xfId="1" applyFont="1" applyFill="1" applyBorder="1" applyAlignment="1">
      <alignment horizontal="distributed" justifyLastLine="1"/>
    </xf>
    <xf numFmtId="37" fontId="7" fillId="0" borderId="5" xfId="1" applyFont="1" applyFill="1" applyBorder="1" applyAlignment="1">
      <alignment horizontal="left" vertical="center"/>
    </xf>
    <xf numFmtId="0" fontId="7" fillId="0" borderId="5" xfId="0" applyFont="1" applyFill="1" applyBorder="1" applyAlignment="1"/>
    <xf numFmtId="0" fontId="7" fillId="0" borderId="5" xfId="0" applyFont="1" applyFill="1" applyBorder="1" applyAlignment="1">
      <alignment horizontal="distributed" justifyLastLine="1"/>
    </xf>
    <xf numFmtId="0" fontId="7" fillId="0" borderId="6" xfId="0" applyFont="1" applyFill="1" applyBorder="1" applyAlignment="1">
      <alignment horizontal="distributed" justifyLastLine="1"/>
    </xf>
    <xf numFmtId="37" fontId="7" fillId="0" borderId="4" xfId="1" applyFont="1" applyFill="1" applyBorder="1" applyAlignment="1" applyProtection="1">
      <alignment horizontal="distributed" justifyLastLine="1" shrinkToFit="1"/>
    </xf>
    <xf numFmtId="37" fontId="7" fillId="0" borderId="4" xfId="1" applyFont="1" applyFill="1" applyBorder="1" applyAlignment="1" applyProtection="1">
      <alignment horizontal="distributed" justifyLastLine="1"/>
    </xf>
    <xf numFmtId="37" fontId="7" fillId="0" borderId="9" xfId="1" applyFont="1" applyFill="1" applyBorder="1"/>
    <xf numFmtId="37" fontId="7" fillId="0" borderId="0" xfId="1" applyFont="1" applyFill="1"/>
    <xf numFmtId="37" fontId="7" fillId="0" borderId="13" xfId="1" applyFont="1" applyFill="1" applyBorder="1" applyAlignment="1" applyProtection="1">
      <alignment horizontal="centerContinuous" vertical="center" wrapText="1"/>
    </xf>
    <xf numFmtId="37" fontId="7" fillId="0" borderId="14" xfId="1" applyFont="1" applyFill="1" applyBorder="1" applyAlignment="1" applyProtection="1">
      <alignment horizontal="centerContinuous" vertical="center" wrapText="1"/>
    </xf>
    <xf numFmtId="37" fontId="7" fillId="0" borderId="15" xfId="1" applyFont="1" applyFill="1" applyBorder="1" applyAlignment="1" applyProtection="1">
      <alignment horizontal="center" vertical="center" wrapText="1"/>
    </xf>
    <xf numFmtId="37" fontId="7" fillId="0" borderId="14" xfId="1" applyFont="1" applyFill="1" applyBorder="1" applyAlignment="1" applyProtection="1"/>
    <xf numFmtId="37" fontId="7" fillId="0" borderId="15" xfId="1" applyFont="1" applyFill="1" applyBorder="1" applyAlignment="1" applyProtection="1"/>
    <xf numFmtId="37" fontId="7" fillId="0" borderId="16" xfId="1" applyFont="1" applyFill="1" applyBorder="1"/>
    <xf numFmtId="37" fontId="7" fillId="0" borderId="17" xfId="1" quotePrefix="1" applyFont="1" applyFill="1" applyBorder="1" applyAlignment="1" applyProtection="1">
      <alignment horizontal="center" shrinkToFit="1"/>
    </xf>
    <xf numFmtId="37" fontId="7" fillId="0" borderId="11" xfId="1" applyFont="1" applyFill="1" applyBorder="1" applyAlignment="1" applyProtection="1">
      <alignment horizontal="center" shrinkToFit="1"/>
    </xf>
    <xf numFmtId="37" fontId="7" fillId="0" borderId="17" xfId="1" applyFont="1" applyFill="1" applyBorder="1" applyAlignment="1" applyProtection="1">
      <alignment horizontal="center" shrinkToFit="1"/>
    </xf>
    <xf numFmtId="37" fontId="7" fillId="0" borderId="18" xfId="1" applyFont="1" applyFill="1" applyBorder="1" applyAlignment="1" applyProtection="1">
      <alignment horizontal="center" shrinkToFit="1"/>
    </xf>
    <xf numFmtId="37" fontId="7" fillId="0" borderId="17" xfId="1" quotePrefix="1" applyFont="1" applyFill="1" applyBorder="1" applyAlignment="1" applyProtection="1">
      <alignment horizontal="center"/>
    </xf>
    <xf numFmtId="37" fontId="7" fillId="0" borderId="16" xfId="1" applyFont="1" applyFill="1" applyBorder="1" applyAlignment="1" applyProtection="1">
      <alignment horizontal="center" shrinkToFit="1"/>
    </xf>
    <xf numFmtId="37" fontId="7" fillId="0" borderId="19" xfId="1" applyFont="1" applyFill="1" applyBorder="1" applyAlignment="1" applyProtection="1">
      <alignment horizontal="center"/>
    </xf>
    <xf numFmtId="37" fontId="7" fillId="0" borderId="20" xfId="1" applyFont="1" applyFill="1" applyBorder="1" applyAlignment="1" applyProtection="1">
      <alignment horizontal="center" vertical="center" wrapText="1"/>
    </xf>
    <xf numFmtId="37" fontId="7" fillId="0" borderId="17" xfId="1" applyFont="1" applyFill="1" applyBorder="1" applyAlignment="1" applyProtection="1">
      <alignment horizontal="center" vertical="center" wrapText="1"/>
    </xf>
    <xf numFmtId="37" fontId="7" fillId="0" borderId="13" xfId="1" applyFont="1" applyFill="1" applyBorder="1" applyAlignment="1" applyProtection="1">
      <alignment horizontal="center" vertical="center"/>
    </xf>
    <xf numFmtId="37" fontId="7" fillId="0" borderId="21" xfId="1" applyFont="1" applyFill="1" applyBorder="1" applyAlignment="1" applyProtection="1">
      <alignment horizontal="center" vertical="center"/>
    </xf>
    <xf numFmtId="37" fontId="7" fillId="0" borderId="18" xfId="1" applyFont="1" applyFill="1" applyBorder="1" applyAlignment="1" applyProtection="1">
      <alignment horizontal="center"/>
    </xf>
    <xf numFmtId="37" fontId="7" fillId="0" borderId="17" xfId="1" applyFont="1" applyFill="1" applyBorder="1" applyAlignment="1" applyProtection="1">
      <alignment horizontal="center" vertical="center" shrinkToFit="1"/>
    </xf>
    <xf numFmtId="37" fontId="7" fillId="0" borderId="11" xfId="1" applyFont="1" applyFill="1" applyBorder="1" applyAlignment="1" applyProtection="1">
      <alignment horizontal="center" vertical="center" shrinkToFit="1"/>
    </xf>
    <xf numFmtId="37" fontId="7" fillId="0" borderId="18" xfId="1" applyFont="1" applyFill="1" applyBorder="1" applyAlignment="1" applyProtection="1">
      <alignment horizontal="center" vertical="center" shrinkToFit="1"/>
    </xf>
    <xf numFmtId="0" fontId="6" fillId="0" borderId="20" xfId="1" applyNumberFormat="1" applyFont="1" applyFill="1" applyBorder="1" applyAlignment="1" applyProtection="1">
      <alignment horizontal="center" shrinkToFit="1"/>
    </xf>
    <xf numFmtId="37" fontId="7" fillId="0" borderId="17" xfId="1" applyFont="1" applyFill="1" applyBorder="1" applyAlignment="1" applyProtection="1">
      <alignment horizontal="center" vertical="center"/>
    </xf>
    <xf numFmtId="37" fontId="7" fillId="0" borderId="24" xfId="1" applyFont="1" applyFill="1" applyBorder="1" applyAlignment="1" applyProtection="1">
      <alignment horizontal="center" vertical="center" wrapText="1"/>
    </xf>
    <xf numFmtId="37" fontId="7" fillId="0" borderId="25" xfId="1" applyFont="1" applyFill="1" applyBorder="1" applyAlignment="1" applyProtection="1">
      <alignment horizontal="center" vertical="center" wrapText="1"/>
    </xf>
    <xf numFmtId="37" fontId="7" fillId="0" borderId="25" xfId="1" applyFont="1" applyFill="1" applyBorder="1" applyAlignment="1" applyProtection="1">
      <alignment horizontal="center"/>
    </xf>
    <xf numFmtId="37" fontId="7" fillId="0" borderId="24" xfId="1" applyFont="1" applyFill="1" applyBorder="1" applyAlignment="1" applyProtection="1">
      <alignment horizontal="center"/>
    </xf>
    <xf numFmtId="49" fontId="7" fillId="0" borderId="25" xfId="1" applyNumberFormat="1" applyFont="1" applyFill="1" applyBorder="1" applyAlignment="1">
      <alignment horizontal="center"/>
    </xf>
    <xf numFmtId="37" fontId="7" fillId="0" borderId="26" xfId="1" applyFont="1" applyFill="1" applyBorder="1"/>
    <xf numFmtId="49" fontId="7" fillId="0" borderId="25" xfId="1" applyNumberFormat="1" applyFont="1" applyFill="1" applyBorder="1" applyAlignment="1" applyProtection="1">
      <alignment horizontal="center" shrinkToFit="1"/>
    </xf>
    <xf numFmtId="37" fontId="7" fillId="0" borderId="22" xfId="1" applyFont="1" applyFill="1" applyBorder="1" applyAlignment="1" applyProtection="1">
      <alignment horizontal="right" shrinkToFit="1"/>
    </xf>
    <xf numFmtId="37" fontId="7" fillId="0" borderId="25" xfId="1" applyFont="1" applyFill="1" applyBorder="1" applyAlignment="1" applyProtection="1">
      <alignment horizontal="center" shrinkToFit="1"/>
    </xf>
    <xf numFmtId="37" fontId="7" fillId="0" borderId="25" xfId="1" applyFont="1" applyFill="1" applyBorder="1" applyAlignment="1" applyProtection="1">
      <alignment horizontal="right" shrinkToFit="1"/>
    </xf>
    <xf numFmtId="49" fontId="7" fillId="0" borderId="24" xfId="1" applyNumberFormat="1" applyFont="1" applyFill="1" applyBorder="1" applyAlignment="1" applyProtection="1">
      <alignment horizontal="center" shrinkToFit="1"/>
    </xf>
    <xf numFmtId="37" fontId="7" fillId="0" borderId="26" xfId="1" applyFont="1" applyFill="1" applyBorder="1" applyAlignment="1" applyProtection="1">
      <alignment horizontal="center" shrinkToFit="1"/>
    </xf>
    <xf numFmtId="37" fontId="7" fillId="0" borderId="25" xfId="1" applyFont="1" applyFill="1" applyBorder="1" applyAlignment="1" applyProtection="1">
      <alignment horizontal="right"/>
    </xf>
    <xf numFmtId="49" fontId="7" fillId="0" borderId="25" xfId="1" applyNumberFormat="1" applyFont="1" applyFill="1" applyBorder="1" applyAlignment="1" applyProtection="1">
      <alignment horizontal="right"/>
    </xf>
    <xf numFmtId="37" fontId="7" fillId="0" borderId="26" xfId="1" applyFont="1" applyFill="1" applyBorder="1" applyAlignment="1" applyProtection="1">
      <alignment horizontal="center"/>
    </xf>
    <xf numFmtId="37" fontId="7" fillId="0" borderId="27" xfId="1" applyFont="1" applyFill="1" applyBorder="1" applyAlignment="1" applyProtection="1">
      <alignment horizontal="center"/>
    </xf>
    <xf numFmtId="37" fontId="7" fillId="0" borderId="11" xfId="1" applyFont="1" applyFill="1" applyBorder="1" applyProtection="1"/>
    <xf numFmtId="37" fontId="8" fillId="0" borderId="28" xfId="1" applyFont="1" applyFill="1" applyBorder="1" applyAlignment="1" applyProtection="1">
      <alignment horizontal="left"/>
    </xf>
    <xf numFmtId="37" fontId="7" fillId="0" borderId="29" xfId="1" applyFont="1" applyFill="1" applyBorder="1" applyProtection="1"/>
    <xf numFmtId="37" fontId="7" fillId="0" borderId="28" xfId="1" applyFont="1" applyFill="1" applyBorder="1" applyProtection="1"/>
    <xf numFmtId="37" fontId="7" fillId="0" borderId="32" xfId="1" applyFont="1" applyFill="1" applyBorder="1" applyProtection="1"/>
    <xf numFmtId="37" fontId="7" fillId="0" borderId="33" xfId="1" applyFont="1" applyFill="1" applyBorder="1" applyProtection="1"/>
    <xf numFmtId="37" fontId="7" fillId="0" borderId="31" xfId="1" applyFont="1" applyFill="1" applyBorder="1" applyProtection="1"/>
    <xf numFmtId="37" fontId="7" fillId="0" borderId="34" xfId="1" applyFont="1" applyFill="1" applyBorder="1" applyProtection="1"/>
    <xf numFmtId="37" fontId="7" fillId="0" borderId="35" xfId="1" applyFont="1" applyFill="1" applyBorder="1" applyProtection="1"/>
    <xf numFmtId="37" fontId="8" fillId="0" borderId="33" xfId="1" applyFont="1" applyFill="1" applyBorder="1" applyAlignment="1" applyProtection="1">
      <alignment horizontal="left"/>
    </xf>
    <xf numFmtId="37" fontId="7" fillId="0" borderId="36" xfId="1" applyFont="1" applyFill="1" applyBorder="1" applyProtection="1"/>
    <xf numFmtId="37" fontId="7" fillId="0" borderId="22" xfId="1" applyFont="1" applyFill="1" applyBorder="1" applyProtection="1"/>
    <xf numFmtId="37" fontId="8" fillId="0" borderId="24" xfId="1" applyFont="1" applyFill="1" applyBorder="1" applyAlignment="1" applyProtection="1">
      <alignment horizontal="left"/>
    </xf>
    <xf numFmtId="37" fontId="7" fillId="0" borderId="38" xfId="1" applyFont="1" applyFill="1" applyBorder="1" applyProtection="1"/>
    <xf numFmtId="37" fontId="7" fillId="0" borderId="39" xfId="1" applyFont="1" applyFill="1" applyBorder="1" applyProtection="1"/>
    <xf numFmtId="37" fontId="7" fillId="0" borderId="25" xfId="1" applyFont="1" applyFill="1" applyBorder="1" applyProtection="1"/>
    <xf numFmtId="37" fontId="7" fillId="0" borderId="40" xfId="1" applyFont="1" applyFill="1" applyBorder="1" applyProtection="1"/>
    <xf numFmtId="37" fontId="7" fillId="0" borderId="26" xfId="1" applyFont="1" applyFill="1" applyBorder="1" applyProtection="1"/>
    <xf numFmtId="37" fontId="7" fillId="0" borderId="41" xfId="1" applyFont="1" applyFill="1" applyBorder="1" applyProtection="1"/>
    <xf numFmtId="37" fontId="7" fillId="0" borderId="16" xfId="1" applyFont="1" applyFill="1" applyBorder="1" applyProtection="1"/>
    <xf numFmtId="37" fontId="7" fillId="0" borderId="32" xfId="1" applyFont="1" applyFill="1" applyBorder="1" applyAlignment="1" applyProtection="1">
      <alignment horizontal="left"/>
    </xf>
    <xf numFmtId="37" fontId="7" fillId="0" borderId="18" xfId="1" applyFont="1" applyFill="1" applyBorder="1" applyProtection="1"/>
    <xf numFmtId="37" fontId="7" fillId="0" borderId="11" xfId="1" applyFont="1" applyFill="1" applyBorder="1" applyAlignment="1" applyProtection="1">
      <alignment horizontal="left"/>
    </xf>
    <xf numFmtId="37" fontId="7" fillId="0" borderId="21" xfId="1" applyFont="1" applyFill="1" applyBorder="1" applyProtection="1"/>
    <xf numFmtId="37" fontId="7" fillId="0" borderId="17" xfId="1" applyFont="1" applyFill="1" applyBorder="1" applyProtection="1"/>
    <xf numFmtId="37" fontId="7" fillId="0" borderId="20" xfId="1" applyFont="1" applyFill="1" applyBorder="1" applyProtection="1"/>
    <xf numFmtId="37" fontId="7" fillId="0" borderId="19" xfId="1" applyFont="1" applyFill="1" applyBorder="1" applyProtection="1"/>
    <xf numFmtId="37" fontId="7" fillId="0" borderId="30" xfId="1" applyFont="1" applyFill="1" applyBorder="1"/>
    <xf numFmtId="37" fontId="7" fillId="0" borderId="21" xfId="1" applyFont="1" applyFill="1" applyBorder="1"/>
    <xf numFmtId="37" fontId="7" fillId="0" borderId="37" xfId="1" applyFont="1" applyFill="1" applyBorder="1"/>
    <xf numFmtId="37" fontId="7" fillId="0" borderId="33" xfId="1" applyFont="1" applyFill="1" applyBorder="1"/>
    <xf numFmtId="37" fontId="7" fillId="0" borderId="44" xfId="1" applyFont="1" applyFill="1" applyBorder="1" applyAlignment="1" applyProtection="1">
      <alignment horizontal="right"/>
    </xf>
    <xf numFmtId="37" fontId="7" fillId="0" borderId="44" xfId="1" applyFont="1" applyFill="1" applyBorder="1" applyProtection="1"/>
    <xf numFmtId="37" fontId="7" fillId="0" borderId="45" xfId="1" applyFont="1" applyFill="1" applyBorder="1" applyProtection="1"/>
    <xf numFmtId="37" fontId="7" fillId="0" borderId="46" xfId="1" applyFont="1" applyFill="1" applyBorder="1" applyProtection="1"/>
    <xf numFmtId="37" fontId="7" fillId="0" borderId="47" xfId="1" applyFont="1" applyFill="1" applyBorder="1" applyProtection="1"/>
    <xf numFmtId="37" fontId="7" fillId="0" borderId="48" xfId="1" applyFont="1" applyFill="1" applyBorder="1" applyProtection="1"/>
    <xf numFmtId="37" fontId="7" fillId="0" borderId="49" xfId="1" applyFont="1" applyFill="1" applyBorder="1" applyProtection="1"/>
    <xf numFmtId="37" fontId="7" fillId="0" borderId="54" xfId="1" applyFont="1" applyFill="1" applyBorder="1" applyProtection="1"/>
    <xf numFmtId="37" fontId="7" fillId="0" borderId="55" xfId="1" applyFont="1" applyFill="1" applyBorder="1" applyProtection="1"/>
    <xf numFmtId="37" fontId="7" fillId="0" borderId="56" xfId="1" applyFont="1" applyFill="1" applyBorder="1" applyProtection="1"/>
    <xf numFmtId="37" fontId="7" fillId="0" borderId="57" xfId="1" applyFont="1" applyFill="1" applyBorder="1" applyProtection="1"/>
    <xf numFmtId="37" fontId="7" fillId="0" borderId="58" xfId="1" applyFont="1" applyFill="1" applyBorder="1" applyProtection="1"/>
    <xf numFmtId="37" fontId="7" fillId="0" borderId="59" xfId="1" applyFont="1" applyFill="1" applyBorder="1" applyProtection="1"/>
    <xf numFmtId="37" fontId="7" fillId="0" borderId="52" xfId="1" applyFont="1" applyFill="1" applyBorder="1" applyAlignment="1" applyProtection="1">
      <alignment horizontal="distributed" justifyLastLine="1"/>
    </xf>
    <xf numFmtId="0" fontId="4" fillId="0" borderId="53" xfId="0" applyFont="1" applyFill="1" applyBorder="1" applyAlignment="1">
      <alignment horizontal="distributed" justifyLastLine="1"/>
    </xf>
    <xf numFmtId="37" fontId="7" fillId="0" borderId="42" xfId="1" applyFont="1" applyFill="1" applyBorder="1" applyAlignment="1" applyProtection="1">
      <alignment horizontal="distributed" justifyLastLine="1"/>
    </xf>
    <xf numFmtId="0" fontId="4" fillId="0" borderId="43" xfId="0" applyFont="1" applyFill="1" applyBorder="1" applyAlignment="1">
      <alignment horizontal="distributed" justifyLastLine="1"/>
    </xf>
    <xf numFmtId="37" fontId="7" fillId="0" borderId="50" xfId="1" applyFont="1" applyFill="1" applyBorder="1" applyAlignment="1" applyProtection="1">
      <alignment horizontal="distributed" justifyLastLine="1"/>
    </xf>
    <xf numFmtId="0" fontId="4" fillId="0" borderId="51" xfId="0" applyFont="1" applyFill="1" applyBorder="1" applyAlignment="1">
      <alignment horizontal="distributed" justifyLastLine="1"/>
    </xf>
    <xf numFmtId="37" fontId="7" fillId="0" borderId="2" xfId="1" applyFont="1" applyFill="1" applyBorder="1" applyAlignment="1" applyProtection="1">
      <alignment horizontal="distributed" vertical="center" justifyLastLine="1"/>
    </xf>
    <xf numFmtId="37" fontId="7" fillId="0" borderId="3" xfId="1" applyFont="1" applyFill="1" applyBorder="1" applyAlignment="1" applyProtection="1">
      <alignment horizontal="distributed" vertical="center" justifyLastLine="1"/>
    </xf>
    <xf numFmtId="37" fontId="7" fillId="0" borderId="11" xfId="1" applyFont="1" applyFill="1" applyBorder="1" applyAlignment="1" applyProtection="1">
      <alignment horizontal="distributed" vertical="center" justifyLastLine="1"/>
    </xf>
    <xf numFmtId="37" fontId="7" fillId="0" borderId="12" xfId="1" applyFont="1" applyFill="1" applyBorder="1" applyAlignment="1" applyProtection="1">
      <alignment horizontal="distributed" vertical="center" justifyLastLine="1"/>
    </xf>
    <xf numFmtId="37" fontId="7" fillId="0" borderId="22" xfId="1" applyFont="1" applyFill="1" applyBorder="1" applyAlignment="1" applyProtection="1">
      <alignment horizontal="distributed" vertical="center" justifyLastLine="1"/>
    </xf>
    <xf numFmtId="37" fontId="7" fillId="0" borderId="23" xfId="1" applyFont="1" applyFill="1" applyBorder="1" applyAlignment="1" applyProtection="1">
      <alignment horizontal="distributed" vertical="center" justifyLastLine="1"/>
    </xf>
    <xf numFmtId="37" fontId="7" fillId="0" borderId="7" xfId="1" applyFont="1" applyFill="1" applyBorder="1" applyAlignment="1" applyProtection="1">
      <alignment horizontal="center" vertical="center"/>
    </xf>
    <xf numFmtId="0" fontId="4" fillId="0" borderId="8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37" fontId="7" fillId="0" borderId="10" xfId="1" applyFont="1" applyFill="1" applyBorder="1" applyAlignment="1" applyProtection="1">
      <alignment horizontal="center" vertical="center"/>
    </xf>
    <xf numFmtId="37" fontId="7" fillId="0" borderId="8" xfId="1" applyFont="1" applyFill="1" applyBorder="1" applyAlignment="1" applyProtection="1">
      <alignment horizontal="center" vertical="center"/>
    </xf>
    <xf numFmtId="37" fontId="7" fillId="0" borderId="9" xfId="1" applyFont="1" applyFill="1" applyBorder="1" applyAlignment="1" applyProtection="1">
      <alignment horizontal="center" vertical="center"/>
    </xf>
    <xf numFmtId="37" fontId="7" fillId="0" borderId="21" xfId="1" applyFont="1" applyFill="1" applyBorder="1" applyAlignment="1" applyProtection="1">
      <alignment horizontal="center" vertical="center" wrapText="1"/>
    </xf>
    <xf numFmtId="37" fontId="7" fillId="0" borderId="24" xfId="1" applyFont="1" applyFill="1" applyBorder="1" applyAlignment="1" applyProtection="1">
      <alignment horizontal="center" vertical="center" wrapText="1"/>
    </xf>
  </cellXfs>
  <cellStyles count="2">
    <cellStyle name="標準" xfId="0" builtinId="0"/>
    <cellStyle name="標準_事04統1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transitionEntry="1"/>
  <dimension ref="A1:AI46"/>
  <sheetViews>
    <sheetView tabSelected="1" view="pageBreakPreview" zoomScaleNormal="100" zoomScaleSheetLayoutView="100" workbookViewId="0">
      <selection activeCell="G54" sqref="G54"/>
    </sheetView>
  </sheetViews>
  <sheetFormatPr defaultColWidth="14.125" defaultRowHeight="10.5" x14ac:dyDescent="0.15"/>
  <cols>
    <col min="1" max="1" width="3.625" style="11" customWidth="1"/>
    <col min="2" max="2" width="9.125" style="11" customWidth="1"/>
    <col min="3" max="3" width="11.875" style="11" customWidth="1"/>
    <col min="4" max="4" width="12" style="11" customWidth="1"/>
    <col min="5" max="5" width="10.75" style="11" customWidth="1"/>
    <col min="6" max="6" width="11.875" style="11" customWidth="1"/>
    <col min="7" max="7" width="10.75" style="11" customWidth="1"/>
    <col min="8" max="8" width="10.625" style="11" customWidth="1"/>
    <col min="9" max="9" width="10.875" style="11" customWidth="1"/>
    <col min="10" max="10" width="12.75" style="11" customWidth="1"/>
    <col min="11" max="11" width="3.625" style="11" customWidth="1"/>
    <col min="12" max="12" width="9.625" style="11" customWidth="1"/>
    <col min="13" max="14" width="9.375" style="11" customWidth="1"/>
    <col min="15" max="17" width="11.25" style="11" customWidth="1"/>
    <col min="18" max="19" width="8" style="11" customWidth="1"/>
    <col min="20" max="20" width="10.625" style="11" customWidth="1"/>
    <col min="21" max="23" width="11.25" style="11" customWidth="1"/>
    <col min="24" max="25" width="8" style="11" customWidth="1"/>
    <col min="26" max="26" width="12.5" style="11" customWidth="1"/>
    <col min="27" max="27" width="3.625" style="11" customWidth="1"/>
    <col min="28" max="28" width="10" style="11" customWidth="1"/>
    <col min="29" max="29" width="10.625" style="11" customWidth="1"/>
    <col min="30" max="31" width="11.25" style="11" customWidth="1"/>
    <col min="32" max="32" width="10.625" style="11" customWidth="1"/>
    <col min="33" max="34" width="8.125" style="11" customWidth="1"/>
    <col min="35" max="35" width="16.125" style="11" hidden="1" customWidth="1"/>
    <col min="36" max="252" width="14.125" style="11" customWidth="1"/>
    <col min="253" max="16384" width="14.125" style="11"/>
  </cols>
  <sheetData>
    <row r="1" spans="1:35" s="1" customFormat="1" ht="13.5" customHeight="1" x14ac:dyDescent="0.15">
      <c r="A1" s="2" t="s">
        <v>0</v>
      </c>
      <c r="K1" s="2" t="s">
        <v>1</v>
      </c>
      <c r="AA1" s="2" t="s">
        <v>2</v>
      </c>
      <c r="AC1" s="2"/>
    </row>
    <row r="2" spans="1:35" ht="12.75" customHeight="1" thickBot="1" x14ac:dyDescent="0.2">
      <c r="A2" s="3"/>
      <c r="B2" s="4"/>
      <c r="C2" s="5"/>
      <c r="D2" s="4"/>
      <c r="E2" s="4"/>
      <c r="F2" s="4"/>
      <c r="G2" s="4"/>
      <c r="H2" s="4"/>
      <c r="I2" s="6"/>
      <c r="J2" s="7" t="s">
        <v>4</v>
      </c>
      <c r="K2" s="3"/>
      <c r="L2" s="4"/>
      <c r="M2" s="4"/>
      <c r="N2" s="4"/>
      <c r="O2" s="4"/>
      <c r="P2" s="4"/>
      <c r="Q2" s="4"/>
      <c r="R2" s="4"/>
      <c r="S2" s="8"/>
      <c r="T2" s="9"/>
      <c r="U2" s="9"/>
      <c r="V2" s="9"/>
      <c r="W2" s="9"/>
      <c r="X2" s="9"/>
      <c r="Y2" s="9"/>
      <c r="Z2" s="7" t="s">
        <v>4</v>
      </c>
      <c r="AA2" s="9"/>
      <c r="AB2" s="9"/>
      <c r="AC2" s="4"/>
      <c r="AD2" s="4"/>
      <c r="AE2" s="4"/>
      <c r="AF2" s="4"/>
      <c r="AG2" s="4"/>
      <c r="AH2" s="7" t="s">
        <v>4</v>
      </c>
      <c r="AI2" s="10" t="s">
        <v>3</v>
      </c>
    </row>
    <row r="3" spans="1:35" s="21" customFormat="1" ht="13.5" x14ac:dyDescent="0.15">
      <c r="A3" s="111" t="s">
        <v>5</v>
      </c>
      <c r="B3" s="112"/>
      <c r="C3" s="12"/>
      <c r="D3" s="13"/>
      <c r="E3" s="14" t="s">
        <v>6</v>
      </c>
      <c r="F3" s="13"/>
      <c r="G3" s="15"/>
      <c r="H3" s="16"/>
      <c r="I3" s="16"/>
      <c r="J3" s="17"/>
      <c r="K3" s="111" t="s">
        <v>5</v>
      </c>
      <c r="L3" s="112"/>
      <c r="M3" s="18" t="s">
        <v>7</v>
      </c>
      <c r="N3" s="18" t="s">
        <v>8</v>
      </c>
      <c r="O3" s="117" t="s">
        <v>9</v>
      </c>
      <c r="P3" s="118"/>
      <c r="Q3" s="118"/>
      <c r="R3" s="118"/>
      <c r="S3" s="118"/>
      <c r="T3" s="119"/>
      <c r="U3" s="120" t="s">
        <v>11</v>
      </c>
      <c r="V3" s="121"/>
      <c r="W3" s="121"/>
      <c r="X3" s="121"/>
      <c r="Y3" s="121"/>
      <c r="Z3" s="122"/>
      <c r="AA3" s="111" t="s">
        <v>5</v>
      </c>
      <c r="AB3" s="112"/>
      <c r="AC3" s="19" t="s">
        <v>10</v>
      </c>
      <c r="AD3" s="120" t="s">
        <v>12</v>
      </c>
      <c r="AE3" s="118"/>
      <c r="AF3" s="118"/>
      <c r="AG3" s="118"/>
      <c r="AH3" s="119"/>
      <c r="AI3" s="20"/>
    </row>
    <row r="4" spans="1:35" s="21" customFormat="1" ht="12" customHeight="1" x14ac:dyDescent="0.15">
      <c r="A4" s="113"/>
      <c r="B4" s="114"/>
      <c r="C4" s="22" t="s">
        <v>13</v>
      </c>
      <c r="D4" s="23"/>
      <c r="E4" s="24"/>
      <c r="F4" s="22" t="s">
        <v>14</v>
      </c>
      <c r="G4" s="23"/>
      <c r="H4" s="25"/>
      <c r="I4" s="26"/>
      <c r="J4" s="27"/>
      <c r="K4" s="113"/>
      <c r="L4" s="114"/>
      <c r="M4" s="28" t="s">
        <v>15</v>
      </c>
      <c r="N4" s="28" t="s">
        <v>16</v>
      </c>
      <c r="O4" s="29" t="s">
        <v>17</v>
      </c>
      <c r="P4" s="30" t="s">
        <v>18</v>
      </c>
      <c r="Q4" s="30" t="s">
        <v>19</v>
      </c>
      <c r="R4" s="30" t="s">
        <v>20</v>
      </c>
      <c r="S4" s="30" t="s">
        <v>20</v>
      </c>
      <c r="T4" s="31" t="s">
        <v>21</v>
      </c>
      <c r="U4" s="30" t="s">
        <v>17</v>
      </c>
      <c r="V4" s="30" t="s">
        <v>18</v>
      </c>
      <c r="W4" s="30" t="s">
        <v>19</v>
      </c>
      <c r="X4" s="30" t="s">
        <v>20</v>
      </c>
      <c r="Y4" s="30" t="s">
        <v>20</v>
      </c>
      <c r="Z4" s="33" t="s">
        <v>21</v>
      </c>
      <c r="AA4" s="113"/>
      <c r="AB4" s="114"/>
      <c r="AC4" s="32" t="s">
        <v>16</v>
      </c>
      <c r="AD4" s="30" t="s">
        <v>17</v>
      </c>
      <c r="AE4" s="30" t="s">
        <v>18</v>
      </c>
      <c r="AF4" s="30" t="s">
        <v>19</v>
      </c>
      <c r="AG4" s="30" t="s">
        <v>20</v>
      </c>
      <c r="AH4" s="31" t="s">
        <v>20</v>
      </c>
      <c r="AI4" s="34" t="s">
        <v>21</v>
      </c>
    </row>
    <row r="5" spans="1:35" s="21" customFormat="1" ht="12" customHeight="1" x14ac:dyDescent="0.15">
      <c r="A5" s="113"/>
      <c r="B5" s="114"/>
      <c r="C5" s="35"/>
      <c r="D5" s="123" t="s">
        <v>22</v>
      </c>
      <c r="E5" s="123" t="s">
        <v>23</v>
      </c>
      <c r="F5" s="36"/>
      <c r="G5" s="37" t="s">
        <v>24</v>
      </c>
      <c r="H5" s="37" t="s">
        <v>25</v>
      </c>
      <c r="I5" s="38" t="s">
        <v>26</v>
      </c>
      <c r="J5" s="39" t="s">
        <v>27</v>
      </c>
      <c r="K5" s="113"/>
      <c r="L5" s="114"/>
      <c r="M5" s="40" t="s">
        <v>28</v>
      </c>
      <c r="N5" s="40" t="s">
        <v>29</v>
      </c>
      <c r="O5" s="41" t="s">
        <v>30</v>
      </c>
      <c r="P5" s="40" t="s">
        <v>31</v>
      </c>
      <c r="Q5" s="40" t="s">
        <v>32</v>
      </c>
      <c r="R5" s="40" t="s">
        <v>33</v>
      </c>
      <c r="S5" s="40" t="s">
        <v>34</v>
      </c>
      <c r="T5" s="42" t="s">
        <v>35</v>
      </c>
      <c r="U5" s="41" t="s">
        <v>30</v>
      </c>
      <c r="V5" s="40" t="s">
        <v>31</v>
      </c>
      <c r="W5" s="40" t="s">
        <v>32</v>
      </c>
      <c r="X5" s="40" t="s">
        <v>33</v>
      </c>
      <c r="Y5" s="40" t="s">
        <v>34</v>
      </c>
      <c r="Z5" s="42" t="s">
        <v>35</v>
      </c>
      <c r="AA5" s="113"/>
      <c r="AB5" s="114"/>
      <c r="AC5" s="43" t="s">
        <v>36</v>
      </c>
      <c r="AD5" s="44" t="s">
        <v>37</v>
      </c>
      <c r="AE5" s="40" t="s">
        <v>31</v>
      </c>
      <c r="AF5" s="40" t="s">
        <v>38</v>
      </c>
      <c r="AG5" s="40" t="s">
        <v>33</v>
      </c>
      <c r="AH5" s="42" t="s">
        <v>34</v>
      </c>
      <c r="AI5" s="34" t="s">
        <v>35</v>
      </c>
    </row>
    <row r="6" spans="1:35" s="21" customFormat="1" ht="12" customHeight="1" thickBot="1" x14ac:dyDescent="0.2">
      <c r="A6" s="115"/>
      <c r="B6" s="116"/>
      <c r="C6" s="45"/>
      <c r="D6" s="124"/>
      <c r="E6" s="124"/>
      <c r="F6" s="46"/>
      <c r="G6" s="47" t="s">
        <v>39</v>
      </c>
      <c r="H6" s="48" t="s">
        <v>40</v>
      </c>
      <c r="I6" s="49" t="s">
        <v>41</v>
      </c>
      <c r="J6" s="50"/>
      <c r="K6" s="115"/>
      <c r="L6" s="116"/>
      <c r="M6" s="51" t="s">
        <v>42</v>
      </c>
      <c r="N6" s="51" t="s">
        <v>43</v>
      </c>
      <c r="O6" s="52" t="s">
        <v>44</v>
      </c>
      <c r="P6" s="53" t="s">
        <v>45</v>
      </c>
      <c r="Q6" s="54" t="s">
        <v>46</v>
      </c>
      <c r="R6" s="53" t="s">
        <v>47</v>
      </c>
      <c r="S6" s="55" t="s">
        <v>48</v>
      </c>
      <c r="T6" s="56" t="s">
        <v>49</v>
      </c>
      <c r="U6" s="57" t="s">
        <v>50</v>
      </c>
      <c r="V6" s="53" t="s">
        <v>51</v>
      </c>
      <c r="W6" s="57" t="s">
        <v>46</v>
      </c>
      <c r="X6" s="47" t="s">
        <v>47</v>
      </c>
      <c r="Y6" s="51" t="s">
        <v>52</v>
      </c>
      <c r="Z6" s="56" t="s">
        <v>53</v>
      </c>
      <c r="AA6" s="115"/>
      <c r="AB6" s="116"/>
      <c r="AC6" s="51" t="s">
        <v>54</v>
      </c>
      <c r="AD6" s="57" t="s">
        <v>55</v>
      </c>
      <c r="AE6" s="58" t="s">
        <v>56</v>
      </c>
      <c r="AF6" s="57" t="s">
        <v>46</v>
      </c>
      <c r="AG6" s="47" t="s">
        <v>47</v>
      </c>
      <c r="AH6" s="59" t="s">
        <v>57</v>
      </c>
      <c r="AI6" s="60" t="s">
        <v>58</v>
      </c>
    </row>
    <row r="7" spans="1:35" s="21" customFormat="1" ht="15" customHeight="1" thickTop="1" x14ac:dyDescent="0.15">
      <c r="A7" s="61">
        <v>1</v>
      </c>
      <c r="B7" s="62" t="s">
        <v>59</v>
      </c>
      <c r="C7" s="63">
        <v>3940796</v>
      </c>
      <c r="D7" s="63">
        <v>3077803</v>
      </c>
      <c r="E7" s="63">
        <v>862993</v>
      </c>
      <c r="F7" s="63">
        <v>1849902</v>
      </c>
      <c r="G7" s="64">
        <v>0</v>
      </c>
      <c r="H7" s="64"/>
      <c r="I7" s="88">
        <v>234817</v>
      </c>
      <c r="J7" s="67">
        <v>5790698</v>
      </c>
      <c r="K7" s="61">
        <v>1</v>
      </c>
      <c r="L7" s="62" t="s">
        <v>60</v>
      </c>
      <c r="M7" s="63">
        <v>821256</v>
      </c>
      <c r="N7" s="63">
        <v>809743</v>
      </c>
      <c r="O7" s="65">
        <v>768731511</v>
      </c>
      <c r="P7" s="63">
        <v>154259707</v>
      </c>
      <c r="Q7" s="63">
        <v>603286763</v>
      </c>
      <c r="R7" s="63">
        <v>936</v>
      </c>
      <c r="S7" s="66">
        <v>745</v>
      </c>
      <c r="T7" s="67">
        <v>11185041</v>
      </c>
      <c r="U7" s="63">
        <v>768731511</v>
      </c>
      <c r="V7" s="63">
        <v>160466579</v>
      </c>
      <c r="W7" s="63">
        <v>597191614</v>
      </c>
      <c r="X7" s="63">
        <v>936</v>
      </c>
      <c r="Y7" s="63">
        <v>738</v>
      </c>
      <c r="Z7" s="68">
        <v>11073318</v>
      </c>
      <c r="AA7" s="61">
        <v>1</v>
      </c>
      <c r="AB7" s="62" t="s">
        <v>60</v>
      </c>
      <c r="AC7" s="63">
        <v>273512</v>
      </c>
      <c r="AD7" s="63">
        <v>326787828</v>
      </c>
      <c r="AE7" s="63">
        <v>72392013</v>
      </c>
      <c r="AF7" s="63">
        <v>254395815</v>
      </c>
      <c r="AG7" s="63">
        <v>1195</v>
      </c>
      <c r="AH7" s="67">
        <v>930</v>
      </c>
      <c r="AI7" s="69">
        <v>0</v>
      </c>
    </row>
    <row r="8" spans="1:35" s="21" customFormat="1" ht="15" customHeight="1" x14ac:dyDescent="0.15">
      <c r="A8" s="61">
        <v>2</v>
      </c>
      <c r="B8" s="70" t="s">
        <v>61</v>
      </c>
      <c r="C8" s="63">
        <v>890933</v>
      </c>
      <c r="D8" s="63">
        <v>602929</v>
      </c>
      <c r="E8" s="63">
        <v>288004</v>
      </c>
      <c r="F8" s="63">
        <v>1270765</v>
      </c>
      <c r="G8" s="63">
        <v>0</v>
      </c>
      <c r="H8" s="63"/>
      <c r="I8" s="89">
        <v>99422</v>
      </c>
      <c r="J8" s="67">
        <v>2161698</v>
      </c>
      <c r="K8" s="61">
        <v>2</v>
      </c>
      <c r="L8" s="70" t="s">
        <v>61</v>
      </c>
      <c r="M8" s="63">
        <v>309609</v>
      </c>
      <c r="N8" s="63">
        <v>304403</v>
      </c>
      <c r="O8" s="65">
        <v>307934350</v>
      </c>
      <c r="P8" s="63">
        <v>67344161</v>
      </c>
      <c r="Q8" s="63">
        <v>235431086</v>
      </c>
      <c r="R8" s="63">
        <v>995</v>
      </c>
      <c r="S8" s="66">
        <v>773</v>
      </c>
      <c r="T8" s="67">
        <v>5159103</v>
      </c>
      <c r="U8" s="63">
        <v>307934350</v>
      </c>
      <c r="V8" s="63">
        <v>67381720</v>
      </c>
      <c r="W8" s="63">
        <v>235394504</v>
      </c>
      <c r="X8" s="63">
        <v>995</v>
      </c>
      <c r="Y8" s="63">
        <v>773</v>
      </c>
      <c r="Z8" s="71">
        <v>5158126</v>
      </c>
      <c r="AA8" s="61">
        <v>2</v>
      </c>
      <c r="AB8" s="70" t="s">
        <v>61</v>
      </c>
      <c r="AC8" s="63">
        <v>107931</v>
      </c>
      <c r="AD8" s="63">
        <v>133489209</v>
      </c>
      <c r="AE8" s="63">
        <v>25900290</v>
      </c>
      <c r="AF8" s="63">
        <v>107588919</v>
      </c>
      <c r="AG8" s="63">
        <v>1237</v>
      </c>
      <c r="AH8" s="67">
        <v>997</v>
      </c>
      <c r="AI8" s="69">
        <v>0</v>
      </c>
    </row>
    <row r="9" spans="1:35" s="21" customFormat="1" ht="15" customHeight="1" x14ac:dyDescent="0.15">
      <c r="A9" s="61">
        <v>3</v>
      </c>
      <c r="B9" s="70" t="s">
        <v>62</v>
      </c>
      <c r="C9" s="63">
        <v>1580501</v>
      </c>
      <c r="D9" s="63">
        <v>1367822</v>
      </c>
      <c r="E9" s="63">
        <v>212679</v>
      </c>
      <c r="F9" s="63">
        <v>558718</v>
      </c>
      <c r="G9" s="63">
        <v>0</v>
      </c>
      <c r="H9" s="63"/>
      <c r="I9" s="90">
        <v>41270</v>
      </c>
      <c r="J9" s="67">
        <v>2139219</v>
      </c>
      <c r="K9" s="61">
        <v>3</v>
      </c>
      <c r="L9" s="70" t="s">
        <v>62</v>
      </c>
      <c r="M9" s="63">
        <v>110209</v>
      </c>
      <c r="N9" s="63">
        <v>108080</v>
      </c>
      <c r="O9" s="65">
        <v>74615850</v>
      </c>
      <c r="P9" s="63">
        <v>5257931</v>
      </c>
      <c r="Q9" s="63">
        <v>67870952</v>
      </c>
      <c r="R9" s="63">
        <v>677</v>
      </c>
      <c r="S9" s="66">
        <v>628</v>
      </c>
      <c r="T9" s="67">
        <v>1486967</v>
      </c>
      <c r="U9" s="63">
        <v>74615850</v>
      </c>
      <c r="V9" s="63">
        <v>6165393</v>
      </c>
      <c r="W9" s="63">
        <v>66970029</v>
      </c>
      <c r="X9" s="63">
        <v>677</v>
      </c>
      <c r="Y9" s="63">
        <v>620</v>
      </c>
      <c r="Z9" s="71">
        <v>1480428</v>
      </c>
      <c r="AA9" s="61">
        <v>3</v>
      </c>
      <c r="AB9" s="70" t="s">
        <v>62</v>
      </c>
      <c r="AC9" s="63">
        <v>34003</v>
      </c>
      <c r="AD9" s="63">
        <v>27400256</v>
      </c>
      <c r="AE9" s="63">
        <v>2220151</v>
      </c>
      <c r="AF9" s="63">
        <v>25180105</v>
      </c>
      <c r="AG9" s="63">
        <v>806</v>
      </c>
      <c r="AH9" s="67">
        <v>741</v>
      </c>
      <c r="AI9" s="69">
        <v>0</v>
      </c>
    </row>
    <row r="10" spans="1:35" s="21" customFormat="1" ht="15" customHeight="1" x14ac:dyDescent="0.15">
      <c r="A10" s="61">
        <v>4</v>
      </c>
      <c r="B10" s="70" t="s">
        <v>63</v>
      </c>
      <c r="C10" s="63">
        <v>791320</v>
      </c>
      <c r="D10" s="63">
        <v>726958</v>
      </c>
      <c r="E10" s="63">
        <v>64362</v>
      </c>
      <c r="F10" s="63">
        <v>196705</v>
      </c>
      <c r="G10" s="63">
        <v>0</v>
      </c>
      <c r="H10" s="63">
        <v>4320</v>
      </c>
      <c r="I10" s="90">
        <v>20871</v>
      </c>
      <c r="J10" s="67">
        <v>988025</v>
      </c>
      <c r="K10" s="61">
        <v>4</v>
      </c>
      <c r="L10" s="70" t="s">
        <v>63</v>
      </c>
      <c r="M10" s="63">
        <v>68783</v>
      </c>
      <c r="N10" s="63">
        <v>67455</v>
      </c>
      <c r="O10" s="65">
        <v>51241728</v>
      </c>
      <c r="P10" s="63">
        <v>5163731</v>
      </c>
      <c r="Q10" s="63">
        <v>44942103</v>
      </c>
      <c r="R10" s="63">
        <v>745</v>
      </c>
      <c r="S10" s="66">
        <v>666</v>
      </c>
      <c r="T10" s="67">
        <v>1135894</v>
      </c>
      <c r="U10" s="63">
        <v>51241728</v>
      </c>
      <c r="V10" s="63">
        <v>5880047</v>
      </c>
      <c r="W10" s="63">
        <v>44250291</v>
      </c>
      <c r="X10" s="63">
        <v>745</v>
      </c>
      <c r="Y10" s="63">
        <v>656</v>
      </c>
      <c r="Z10" s="71">
        <v>1111390</v>
      </c>
      <c r="AA10" s="61">
        <v>4</v>
      </c>
      <c r="AB10" s="70" t="s">
        <v>63</v>
      </c>
      <c r="AC10" s="63">
        <v>22258</v>
      </c>
      <c r="AD10" s="63">
        <v>21574791</v>
      </c>
      <c r="AE10" s="63">
        <v>2831299</v>
      </c>
      <c r="AF10" s="63">
        <v>18743492</v>
      </c>
      <c r="AG10" s="63">
        <v>969</v>
      </c>
      <c r="AH10" s="67">
        <v>842</v>
      </c>
      <c r="AI10" s="69">
        <v>0</v>
      </c>
    </row>
    <row r="11" spans="1:35" s="21" customFormat="1" ht="15" customHeight="1" x14ac:dyDescent="0.15">
      <c r="A11" s="61">
        <v>5</v>
      </c>
      <c r="B11" s="70" t="s">
        <v>64</v>
      </c>
      <c r="C11" s="63">
        <v>31209</v>
      </c>
      <c r="D11" s="63">
        <v>0</v>
      </c>
      <c r="E11" s="63">
        <v>31209</v>
      </c>
      <c r="F11" s="63">
        <v>56574</v>
      </c>
      <c r="G11" s="63">
        <v>0</v>
      </c>
      <c r="H11" s="63"/>
      <c r="I11" s="90">
        <v>24381</v>
      </c>
      <c r="J11" s="67">
        <v>87783</v>
      </c>
      <c r="K11" s="61">
        <v>5</v>
      </c>
      <c r="L11" s="70" t="s">
        <v>64</v>
      </c>
      <c r="M11" s="63">
        <v>44125</v>
      </c>
      <c r="N11" s="63">
        <v>43142</v>
      </c>
      <c r="O11" s="65">
        <v>46881336</v>
      </c>
      <c r="P11" s="63">
        <v>9788450</v>
      </c>
      <c r="Q11" s="63">
        <v>36080383</v>
      </c>
      <c r="R11" s="63">
        <v>1062</v>
      </c>
      <c r="S11" s="66">
        <v>836</v>
      </c>
      <c r="T11" s="67">
        <v>1012503</v>
      </c>
      <c r="U11" s="63">
        <v>46881336</v>
      </c>
      <c r="V11" s="63">
        <v>11238915</v>
      </c>
      <c r="W11" s="63">
        <v>34674153</v>
      </c>
      <c r="X11" s="63">
        <v>1062</v>
      </c>
      <c r="Y11" s="63">
        <v>804</v>
      </c>
      <c r="Z11" s="71">
        <v>968268</v>
      </c>
      <c r="AA11" s="61">
        <v>5</v>
      </c>
      <c r="AB11" s="70" t="s">
        <v>64</v>
      </c>
      <c r="AC11" s="63">
        <v>15407</v>
      </c>
      <c r="AD11" s="63">
        <v>19077280</v>
      </c>
      <c r="AE11" s="63">
        <v>4254134</v>
      </c>
      <c r="AF11" s="63">
        <v>14823146</v>
      </c>
      <c r="AG11" s="63">
        <v>1238</v>
      </c>
      <c r="AH11" s="67">
        <v>962</v>
      </c>
      <c r="AI11" s="69">
        <v>0</v>
      </c>
    </row>
    <row r="12" spans="1:35" s="21" customFormat="1" ht="15" customHeight="1" x14ac:dyDescent="0.15">
      <c r="A12" s="61">
        <v>6</v>
      </c>
      <c r="B12" s="70" t="s">
        <v>65</v>
      </c>
      <c r="C12" s="63">
        <v>435593</v>
      </c>
      <c r="D12" s="63">
        <v>359266</v>
      </c>
      <c r="E12" s="63">
        <v>76327</v>
      </c>
      <c r="F12" s="63">
        <v>373645</v>
      </c>
      <c r="G12" s="63">
        <v>0</v>
      </c>
      <c r="H12" s="63"/>
      <c r="I12" s="90">
        <v>52015</v>
      </c>
      <c r="J12" s="67">
        <v>809238</v>
      </c>
      <c r="K12" s="61">
        <v>6</v>
      </c>
      <c r="L12" s="70" t="s">
        <v>65</v>
      </c>
      <c r="M12" s="63">
        <v>99184</v>
      </c>
      <c r="N12" s="63">
        <v>96722</v>
      </c>
      <c r="O12" s="65">
        <v>93908943</v>
      </c>
      <c r="P12" s="63">
        <v>19174001</v>
      </c>
      <c r="Q12" s="63">
        <v>72345131</v>
      </c>
      <c r="R12" s="63">
        <v>947</v>
      </c>
      <c r="S12" s="66">
        <v>748</v>
      </c>
      <c r="T12" s="67">
        <v>2389811</v>
      </c>
      <c r="U12" s="63">
        <v>93908943</v>
      </c>
      <c r="V12" s="63">
        <v>21561780</v>
      </c>
      <c r="W12" s="63">
        <v>70007352</v>
      </c>
      <c r="X12" s="63">
        <v>947</v>
      </c>
      <c r="Y12" s="63">
        <v>724</v>
      </c>
      <c r="Z12" s="71">
        <v>2339811</v>
      </c>
      <c r="AA12" s="61">
        <v>6</v>
      </c>
      <c r="AB12" s="70" t="s">
        <v>65</v>
      </c>
      <c r="AC12" s="63">
        <v>32993</v>
      </c>
      <c r="AD12" s="63">
        <v>39287141</v>
      </c>
      <c r="AE12" s="63">
        <v>8622839</v>
      </c>
      <c r="AF12" s="63">
        <v>30664302</v>
      </c>
      <c r="AG12" s="63">
        <v>1191</v>
      </c>
      <c r="AH12" s="67">
        <v>929</v>
      </c>
      <c r="AI12" s="69">
        <v>0</v>
      </c>
    </row>
    <row r="13" spans="1:35" s="21" customFormat="1" ht="15" customHeight="1" x14ac:dyDescent="0.15">
      <c r="A13" s="61">
        <v>7</v>
      </c>
      <c r="B13" s="70" t="s">
        <v>66</v>
      </c>
      <c r="C13" s="63">
        <v>623650</v>
      </c>
      <c r="D13" s="63">
        <v>548055</v>
      </c>
      <c r="E13" s="63">
        <v>75595</v>
      </c>
      <c r="F13" s="63">
        <v>200301</v>
      </c>
      <c r="G13" s="63">
        <v>2652</v>
      </c>
      <c r="H13" s="63">
        <v>2700</v>
      </c>
      <c r="I13" s="90">
        <v>34819</v>
      </c>
      <c r="J13" s="67">
        <v>823951</v>
      </c>
      <c r="K13" s="61">
        <v>7</v>
      </c>
      <c r="L13" s="70" t="s">
        <v>66</v>
      </c>
      <c r="M13" s="63">
        <v>49601</v>
      </c>
      <c r="N13" s="63">
        <v>48370</v>
      </c>
      <c r="O13" s="65">
        <v>36153051</v>
      </c>
      <c r="P13" s="63">
        <v>4073770</v>
      </c>
      <c r="Q13" s="63">
        <v>31173848</v>
      </c>
      <c r="R13" s="63">
        <v>729</v>
      </c>
      <c r="S13" s="66">
        <v>644</v>
      </c>
      <c r="T13" s="67">
        <v>905433</v>
      </c>
      <c r="U13" s="63">
        <v>36153051</v>
      </c>
      <c r="V13" s="63">
        <v>4498035</v>
      </c>
      <c r="W13" s="63">
        <v>30757644</v>
      </c>
      <c r="X13" s="63">
        <v>729</v>
      </c>
      <c r="Y13" s="63">
        <v>636</v>
      </c>
      <c r="Z13" s="71">
        <v>897372</v>
      </c>
      <c r="AA13" s="61">
        <v>7</v>
      </c>
      <c r="AB13" s="70" t="s">
        <v>66</v>
      </c>
      <c r="AC13" s="63">
        <v>16559</v>
      </c>
      <c r="AD13" s="63">
        <v>15564617</v>
      </c>
      <c r="AE13" s="63">
        <v>2224900</v>
      </c>
      <c r="AF13" s="63">
        <v>13339717</v>
      </c>
      <c r="AG13" s="63">
        <v>940</v>
      </c>
      <c r="AH13" s="67">
        <v>806</v>
      </c>
      <c r="AI13" s="69">
        <v>0</v>
      </c>
    </row>
    <row r="14" spans="1:35" s="21" customFormat="1" ht="15" customHeight="1" x14ac:dyDescent="0.15">
      <c r="A14" s="61">
        <v>8</v>
      </c>
      <c r="B14" s="70" t="s">
        <v>67</v>
      </c>
      <c r="C14" s="63">
        <v>417383</v>
      </c>
      <c r="D14" s="63">
        <v>331021</v>
      </c>
      <c r="E14" s="63">
        <v>86362</v>
      </c>
      <c r="F14" s="63">
        <v>239598</v>
      </c>
      <c r="G14" s="63">
        <v>0</v>
      </c>
      <c r="H14" s="63">
        <v>7020</v>
      </c>
      <c r="I14" s="90">
        <v>33124</v>
      </c>
      <c r="J14" s="67">
        <v>656981</v>
      </c>
      <c r="K14" s="61">
        <v>8</v>
      </c>
      <c r="L14" s="70" t="s">
        <v>67</v>
      </c>
      <c r="M14" s="63">
        <v>58794</v>
      </c>
      <c r="N14" s="63">
        <v>57245</v>
      </c>
      <c r="O14" s="65">
        <v>50946457</v>
      </c>
      <c r="P14" s="63">
        <v>8146209</v>
      </c>
      <c r="Q14" s="63">
        <v>41396772</v>
      </c>
      <c r="R14" s="63">
        <v>867</v>
      </c>
      <c r="S14" s="66">
        <v>723</v>
      </c>
      <c r="T14" s="67">
        <v>1403476</v>
      </c>
      <c r="U14" s="63">
        <v>50946457</v>
      </c>
      <c r="V14" s="63">
        <v>9075089</v>
      </c>
      <c r="W14" s="63">
        <v>40492256</v>
      </c>
      <c r="X14" s="63">
        <v>867</v>
      </c>
      <c r="Y14" s="63">
        <v>707</v>
      </c>
      <c r="Z14" s="71">
        <v>1379112</v>
      </c>
      <c r="AA14" s="61">
        <v>8</v>
      </c>
      <c r="AB14" s="70" t="s">
        <v>67</v>
      </c>
      <c r="AC14" s="63">
        <v>19373</v>
      </c>
      <c r="AD14" s="63">
        <v>20337399</v>
      </c>
      <c r="AE14" s="63">
        <v>3315561</v>
      </c>
      <c r="AF14" s="63">
        <v>17021838</v>
      </c>
      <c r="AG14" s="63">
        <v>1050</v>
      </c>
      <c r="AH14" s="67">
        <v>879</v>
      </c>
      <c r="AI14" s="69">
        <v>0</v>
      </c>
    </row>
    <row r="15" spans="1:35" s="21" customFormat="1" ht="15" customHeight="1" x14ac:dyDescent="0.15">
      <c r="A15" s="61">
        <v>9</v>
      </c>
      <c r="B15" s="70" t="s">
        <v>68</v>
      </c>
      <c r="C15" s="63">
        <v>47723</v>
      </c>
      <c r="D15" s="63">
        <v>26687</v>
      </c>
      <c r="E15" s="63">
        <v>21036</v>
      </c>
      <c r="F15" s="63">
        <v>14209</v>
      </c>
      <c r="G15" s="63">
        <v>0</v>
      </c>
      <c r="H15" s="63"/>
      <c r="I15" s="90">
        <v>5867</v>
      </c>
      <c r="J15" s="67">
        <v>61932</v>
      </c>
      <c r="K15" s="61">
        <v>9</v>
      </c>
      <c r="L15" s="70" t="s">
        <v>68</v>
      </c>
      <c r="M15" s="63">
        <v>15513</v>
      </c>
      <c r="N15" s="63">
        <v>15208</v>
      </c>
      <c r="O15" s="65">
        <v>15774448</v>
      </c>
      <c r="P15" s="63">
        <v>3472624</v>
      </c>
      <c r="Q15" s="63">
        <v>11981392</v>
      </c>
      <c r="R15" s="63">
        <v>1017</v>
      </c>
      <c r="S15" s="66">
        <v>788</v>
      </c>
      <c r="T15" s="67">
        <v>320432</v>
      </c>
      <c r="U15" s="63">
        <v>15774448</v>
      </c>
      <c r="V15" s="63">
        <v>3801250</v>
      </c>
      <c r="W15" s="63">
        <v>11654880</v>
      </c>
      <c r="X15" s="63">
        <v>1017</v>
      </c>
      <c r="Y15" s="63">
        <v>766</v>
      </c>
      <c r="Z15" s="71">
        <v>318318</v>
      </c>
      <c r="AA15" s="61">
        <v>9</v>
      </c>
      <c r="AB15" s="70" t="s">
        <v>68</v>
      </c>
      <c r="AC15" s="63">
        <v>5226</v>
      </c>
      <c r="AD15" s="63">
        <v>7035210</v>
      </c>
      <c r="AE15" s="63">
        <v>2169079</v>
      </c>
      <c r="AF15" s="63">
        <v>4866131</v>
      </c>
      <c r="AG15" s="63">
        <v>1346</v>
      </c>
      <c r="AH15" s="67">
        <v>931</v>
      </c>
      <c r="AI15" s="69">
        <v>0</v>
      </c>
    </row>
    <row r="16" spans="1:35" s="21" customFormat="1" ht="15" customHeight="1" x14ac:dyDescent="0.15">
      <c r="A16" s="61">
        <v>10</v>
      </c>
      <c r="B16" s="70" t="s">
        <v>69</v>
      </c>
      <c r="C16" s="63">
        <v>2068295</v>
      </c>
      <c r="D16" s="63">
        <v>1838555</v>
      </c>
      <c r="E16" s="63">
        <v>229740</v>
      </c>
      <c r="F16" s="63">
        <v>635837</v>
      </c>
      <c r="G16" s="63">
        <v>8311</v>
      </c>
      <c r="H16" s="63"/>
      <c r="I16" s="90">
        <v>52026</v>
      </c>
      <c r="J16" s="67">
        <v>2704132</v>
      </c>
      <c r="K16" s="61">
        <v>10</v>
      </c>
      <c r="L16" s="70" t="s">
        <v>69</v>
      </c>
      <c r="M16" s="63">
        <v>189763</v>
      </c>
      <c r="N16" s="63">
        <v>186529</v>
      </c>
      <c r="O16" s="65">
        <v>150503930</v>
      </c>
      <c r="P16" s="63">
        <v>22263795</v>
      </c>
      <c r="Q16" s="63">
        <v>125364741</v>
      </c>
      <c r="R16" s="63">
        <v>793</v>
      </c>
      <c r="S16" s="66">
        <v>672</v>
      </c>
      <c r="T16" s="67">
        <v>2875394</v>
      </c>
      <c r="U16" s="63">
        <v>150503930</v>
      </c>
      <c r="V16" s="63">
        <v>24006412</v>
      </c>
      <c r="W16" s="63">
        <v>123646911</v>
      </c>
      <c r="X16" s="63">
        <v>793</v>
      </c>
      <c r="Y16" s="63">
        <v>663</v>
      </c>
      <c r="Z16" s="71">
        <v>2850607</v>
      </c>
      <c r="AA16" s="61">
        <v>10</v>
      </c>
      <c r="AB16" s="70" t="s">
        <v>69</v>
      </c>
      <c r="AC16" s="63">
        <v>62469</v>
      </c>
      <c r="AD16" s="63">
        <v>63495048</v>
      </c>
      <c r="AE16" s="63">
        <v>10376694</v>
      </c>
      <c r="AF16" s="63">
        <v>53118354</v>
      </c>
      <c r="AG16" s="63">
        <v>1016</v>
      </c>
      <c r="AH16" s="67">
        <v>850</v>
      </c>
      <c r="AI16" s="69">
        <v>0</v>
      </c>
    </row>
    <row r="17" spans="1:35" s="21" customFormat="1" ht="15" customHeight="1" x14ac:dyDescent="0.15">
      <c r="A17" s="61">
        <v>11</v>
      </c>
      <c r="B17" s="70" t="s">
        <v>70</v>
      </c>
      <c r="C17" s="63">
        <v>113675</v>
      </c>
      <c r="D17" s="63">
        <v>103893</v>
      </c>
      <c r="E17" s="63">
        <v>9782</v>
      </c>
      <c r="F17" s="63">
        <v>91407</v>
      </c>
      <c r="G17" s="63">
        <v>0</v>
      </c>
      <c r="H17" s="63">
        <v>2700</v>
      </c>
      <c r="I17" s="90">
        <v>1383</v>
      </c>
      <c r="J17" s="67">
        <v>205082</v>
      </c>
      <c r="K17" s="61">
        <v>11</v>
      </c>
      <c r="L17" s="70" t="s">
        <v>70</v>
      </c>
      <c r="M17" s="63">
        <v>15901</v>
      </c>
      <c r="N17" s="63">
        <v>15469</v>
      </c>
      <c r="O17" s="65">
        <v>12670884</v>
      </c>
      <c r="P17" s="63">
        <v>1423213</v>
      </c>
      <c r="Q17" s="63">
        <v>10960154</v>
      </c>
      <c r="R17" s="63">
        <v>797</v>
      </c>
      <c r="S17" s="66">
        <v>709</v>
      </c>
      <c r="T17" s="67">
        <v>287517</v>
      </c>
      <c r="U17" s="63">
        <v>12670884</v>
      </c>
      <c r="V17" s="63">
        <v>1616816</v>
      </c>
      <c r="W17" s="63">
        <v>10765902</v>
      </c>
      <c r="X17" s="63">
        <v>797</v>
      </c>
      <c r="Y17" s="63">
        <v>696</v>
      </c>
      <c r="Z17" s="71">
        <v>288166</v>
      </c>
      <c r="AA17" s="61">
        <v>11</v>
      </c>
      <c r="AB17" s="70" t="s">
        <v>70</v>
      </c>
      <c r="AC17" s="63">
        <v>5505</v>
      </c>
      <c r="AD17" s="63">
        <v>6010428</v>
      </c>
      <c r="AE17" s="63">
        <v>513430</v>
      </c>
      <c r="AF17" s="63">
        <v>5496998</v>
      </c>
      <c r="AG17" s="63">
        <v>1092</v>
      </c>
      <c r="AH17" s="67">
        <v>999</v>
      </c>
      <c r="AI17" s="69">
        <v>0</v>
      </c>
    </row>
    <row r="18" spans="1:35" s="21" customFormat="1" ht="15" customHeight="1" x14ac:dyDescent="0.15">
      <c r="A18" s="61">
        <v>12</v>
      </c>
      <c r="B18" s="70" t="s">
        <v>71</v>
      </c>
      <c r="C18" s="63">
        <v>525206</v>
      </c>
      <c r="D18" s="63">
        <v>434800</v>
      </c>
      <c r="E18" s="63">
        <v>90406</v>
      </c>
      <c r="F18" s="63">
        <v>25864</v>
      </c>
      <c r="G18" s="63">
        <v>0</v>
      </c>
      <c r="H18" s="63"/>
      <c r="I18" s="90">
        <v>10132</v>
      </c>
      <c r="J18" s="67">
        <v>551070</v>
      </c>
      <c r="K18" s="61">
        <v>12</v>
      </c>
      <c r="L18" s="70" t="s">
        <v>71</v>
      </c>
      <c r="M18" s="63">
        <v>45042</v>
      </c>
      <c r="N18" s="63">
        <v>43593</v>
      </c>
      <c r="O18" s="65">
        <v>34504148</v>
      </c>
      <c r="P18" s="63">
        <v>3727746</v>
      </c>
      <c r="Q18" s="63">
        <v>29572039</v>
      </c>
      <c r="R18" s="63">
        <v>766</v>
      </c>
      <c r="S18" s="66">
        <v>678</v>
      </c>
      <c r="T18" s="67">
        <v>1204363</v>
      </c>
      <c r="U18" s="63">
        <v>34504148</v>
      </c>
      <c r="V18" s="63">
        <v>4288549</v>
      </c>
      <c r="W18" s="63">
        <v>29025091</v>
      </c>
      <c r="X18" s="63">
        <v>766</v>
      </c>
      <c r="Y18" s="63">
        <v>666</v>
      </c>
      <c r="Z18" s="71">
        <v>1190508</v>
      </c>
      <c r="AA18" s="61">
        <v>12</v>
      </c>
      <c r="AB18" s="70" t="s">
        <v>71</v>
      </c>
      <c r="AC18" s="63">
        <v>13868</v>
      </c>
      <c r="AD18" s="63">
        <v>13328791</v>
      </c>
      <c r="AE18" s="63">
        <v>2125182</v>
      </c>
      <c r="AF18" s="63">
        <v>11203609</v>
      </c>
      <c r="AG18" s="63">
        <v>961</v>
      </c>
      <c r="AH18" s="67">
        <v>808</v>
      </c>
      <c r="AI18" s="69">
        <v>0</v>
      </c>
    </row>
    <row r="19" spans="1:35" s="21" customFormat="1" ht="15" customHeight="1" x14ac:dyDescent="0.15">
      <c r="A19" s="61">
        <v>13</v>
      </c>
      <c r="B19" s="70" t="s">
        <v>72</v>
      </c>
      <c r="C19" s="63">
        <v>492048</v>
      </c>
      <c r="D19" s="63">
        <v>433912</v>
      </c>
      <c r="E19" s="63">
        <v>58136</v>
      </c>
      <c r="F19" s="63">
        <v>188460</v>
      </c>
      <c r="G19" s="63">
        <v>0</v>
      </c>
      <c r="H19" s="63"/>
      <c r="I19" s="90">
        <v>21973</v>
      </c>
      <c r="J19" s="67">
        <v>680508</v>
      </c>
      <c r="K19" s="61">
        <v>13</v>
      </c>
      <c r="L19" s="70" t="s">
        <v>72</v>
      </c>
      <c r="M19" s="63">
        <v>60624</v>
      </c>
      <c r="N19" s="63">
        <v>58992</v>
      </c>
      <c r="O19" s="65">
        <v>50657774</v>
      </c>
      <c r="P19" s="63">
        <v>6978882</v>
      </c>
      <c r="Q19" s="63">
        <v>41867433</v>
      </c>
      <c r="R19" s="63">
        <v>836</v>
      </c>
      <c r="S19" s="66">
        <v>710</v>
      </c>
      <c r="T19" s="67">
        <v>1811459</v>
      </c>
      <c r="U19" s="63">
        <v>50657774</v>
      </c>
      <c r="V19" s="63">
        <v>7740417</v>
      </c>
      <c r="W19" s="63">
        <v>41125198</v>
      </c>
      <c r="X19" s="63">
        <v>836</v>
      </c>
      <c r="Y19" s="63">
        <v>697</v>
      </c>
      <c r="Z19" s="71">
        <v>1792159</v>
      </c>
      <c r="AA19" s="61">
        <v>13</v>
      </c>
      <c r="AB19" s="70" t="s">
        <v>72</v>
      </c>
      <c r="AC19" s="63">
        <v>19508</v>
      </c>
      <c r="AD19" s="63">
        <v>21776557</v>
      </c>
      <c r="AE19" s="63">
        <v>3603819</v>
      </c>
      <c r="AF19" s="63">
        <v>18172738</v>
      </c>
      <c r="AG19" s="63">
        <v>1116</v>
      </c>
      <c r="AH19" s="67">
        <v>932</v>
      </c>
      <c r="AI19" s="69">
        <v>0</v>
      </c>
    </row>
    <row r="20" spans="1:35" s="21" customFormat="1" ht="15" customHeight="1" x14ac:dyDescent="0.15">
      <c r="A20" s="61">
        <v>14</v>
      </c>
      <c r="B20" s="70" t="s">
        <v>73</v>
      </c>
      <c r="C20" s="63">
        <v>485649</v>
      </c>
      <c r="D20" s="63">
        <v>399383</v>
      </c>
      <c r="E20" s="63">
        <v>86266</v>
      </c>
      <c r="F20" s="63">
        <v>60866</v>
      </c>
      <c r="G20" s="63">
        <v>0</v>
      </c>
      <c r="H20" s="63"/>
      <c r="I20" s="90">
        <v>30211</v>
      </c>
      <c r="J20" s="67">
        <v>546515</v>
      </c>
      <c r="K20" s="61">
        <v>14</v>
      </c>
      <c r="L20" s="70" t="s">
        <v>73</v>
      </c>
      <c r="M20" s="63">
        <v>60280</v>
      </c>
      <c r="N20" s="63">
        <v>59213</v>
      </c>
      <c r="O20" s="65">
        <v>52122027</v>
      </c>
      <c r="P20" s="63">
        <v>9172419</v>
      </c>
      <c r="Q20" s="63">
        <v>42073444</v>
      </c>
      <c r="R20" s="63">
        <v>865</v>
      </c>
      <c r="S20" s="66">
        <v>711</v>
      </c>
      <c r="T20" s="67">
        <v>876164</v>
      </c>
      <c r="U20" s="63">
        <v>52122027</v>
      </c>
      <c r="V20" s="63">
        <v>9493084</v>
      </c>
      <c r="W20" s="63">
        <v>41756627</v>
      </c>
      <c r="X20" s="63">
        <v>865</v>
      </c>
      <c r="Y20" s="63">
        <v>705</v>
      </c>
      <c r="Z20" s="71">
        <v>872316</v>
      </c>
      <c r="AA20" s="61">
        <v>14</v>
      </c>
      <c r="AB20" s="70" t="s">
        <v>73</v>
      </c>
      <c r="AC20" s="63">
        <v>20011</v>
      </c>
      <c r="AD20" s="63">
        <v>22002895</v>
      </c>
      <c r="AE20" s="63">
        <v>3656933</v>
      </c>
      <c r="AF20" s="63">
        <v>18345962</v>
      </c>
      <c r="AG20" s="63">
        <v>1100</v>
      </c>
      <c r="AH20" s="67">
        <v>917</v>
      </c>
      <c r="AI20" s="69">
        <v>0</v>
      </c>
    </row>
    <row r="21" spans="1:35" s="21" customFormat="1" ht="15" customHeight="1" x14ac:dyDescent="0.15">
      <c r="A21" s="61">
        <v>15</v>
      </c>
      <c r="B21" s="70" t="s">
        <v>74</v>
      </c>
      <c r="C21" s="63">
        <v>200545</v>
      </c>
      <c r="D21" s="63">
        <v>161638</v>
      </c>
      <c r="E21" s="63">
        <v>38907</v>
      </c>
      <c r="F21" s="63">
        <v>18086</v>
      </c>
      <c r="G21" s="63">
        <v>0</v>
      </c>
      <c r="H21" s="63"/>
      <c r="I21" s="90">
        <v>4772</v>
      </c>
      <c r="J21" s="67">
        <v>218631</v>
      </c>
      <c r="K21" s="61">
        <v>15</v>
      </c>
      <c r="L21" s="70" t="s">
        <v>74</v>
      </c>
      <c r="M21" s="63">
        <v>24973</v>
      </c>
      <c r="N21" s="63">
        <v>24189</v>
      </c>
      <c r="O21" s="65">
        <v>20011819</v>
      </c>
      <c r="P21" s="63">
        <v>2054170</v>
      </c>
      <c r="Q21" s="63">
        <v>17226760</v>
      </c>
      <c r="R21" s="63">
        <v>801</v>
      </c>
      <c r="S21" s="66">
        <v>712</v>
      </c>
      <c r="T21" s="67">
        <v>730889</v>
      </c>
      <c r="U21" s="63">
        <v>20011819</v>
      </c>
      <c r="V21" s="63">
        <v>2216804</v>
      </c>
      <c r="W21" s="63">
        <v>17076264</v>
      </c>
      <c r="X21" s="63">
        <v>801</v>
      </c>
      <c r="Y21" s="63">
        <v>706</v>
      </c>
      <c r="Z21" s="71">
        <v>718751</v>
      </c>
      <c r="AA21" s="61">
        <v>15</v>
      </c>
      <c r="AB21" s="70" t="s">
        <v>74</v>
      </c>
      <c r="AC21" s="63">
        <v>7958</v>
      </c>
      <c r="AD21" s="63">
        <v>8137692</v>
      </c>
      <c r="AE21" s="63">
        <v>1058900</v>
      </c>
      <c r="AF21" s="63">
        <v>7078792</v>
      </c>
      <c r="AG21" s="63">
        <v>1023</v>
      </c>
      <c r="AH21" s="67">
        <v>890</v>
      </c>
      <c r="AI21" s="69">
        <v>0</v>
      </c>
    </row>
    <row r="22" spans="1:35" s="21" customFormat="1" ht="15" customHeight="1" x14ac:dyDescent="0.15">
      <c r="A22" s="61">
        <v>16</v>
      </c>
      <c r="B22" s="70" t="s">
        <v>75</v>
      </c>
      <c r="C22" s="63">
        <v>216751</v>
      </c>
      <c r="D22" s="63">
        <v>161957</v>
      </c>
      <c r="E22" s="63">
        <v>54794</v>
      </c>
      <c r="F22" s="63">
        <v>23840</v>
      </c>
      <c r="G22" s="63">
        <v>0</v>
      </c>
      <c r="H22" s="63"/>
      <c r="I22" s="90">
        <v>7723</v>
      </c>
      <c r="J22" s="67">
        <v>240591</v>
      </c>
      <c r="K22" s="61">
        <v>16</v>
      </c>
      <c r="L22" s="70" t="s">
        <v>75</v>
      </c>
      <c r="M22" s="63">
        <v>32590</v>
      </c>
      <c r="N22" s="63">
        <v>31863</v>
      </c>
      <c r="O22" s="65">
        <v>28506315</v>
      </c>
      <c r="P22" s="63">
        <v>4449779</v>
      </c>
      <c r="Q22" s="63">
        <v>23626295</v>
      </c>
      <c r="R22" s="63">
        <v>875</v>
      </c>
      <c r="S22" s="66">
        <v>741</v>
      </c>
      <c r="T22" s="67">
        <v>430241</v>
      </c>
      <c r="U22" s="63">
        <v>28506315</v>
      </c>
      <c r="V22" s="63">
        <v>5096115</v>
      </c>
      <c r="W22" s="63">
        <v>22991816</v>
      </c>
      <c r="X22" s="63">
        <v>875</v>
      </c>
      <c r="Y22" s="63">
        <v>722</v>
      </c>
      <c r="Z22" s="71">
        <v>418384</v>
      </c>
      <c r="AA22" s="61">
        <v>16</v>
      </c>
      <c r="AB22" s="70" t="s">
        <v>75</v>
      </c>
      <c r="AC22" s="63">
        <v>10385</v>
      </c>
      <c r="AD22" s="63">
        <v>11601518</v>
      </c>
      <c r="AE22" s="63">
        <v>2132372</v>
      </c>
      <c r="AF22" s="63">
        <v>9469146</v>
      </c>
      <c r="AG22" s="63">
        <v>1117</v>
      </c>
      <c r="AH22" s="67">
        <v>912</v>
      </c>
      <c r="AI22" s="69">
        <v>0</v>
      </c>
    </row>
    <row r="23" spans="1:35" s="21" customFormat="1" ht="15" customHeight="1" x14ac:dyDescent="0.15">
      <c r="A23" s="61">
        <v>17</v>
      </c>
      <c r="B23" s="70" t="s">
        <v>76</v>
      </c>
      <c r="C23" s="63">
        <v>381716</v>
      </c>
      <c r="D23" s="63">
        <v>317864</v>
      </c>
      <c r="E23" s="63">
        <v>63852</v>
      </c>
      <c r="F23" s="63">
        <v>21248</v>
      </c>
      <c r="G23" s="63">
        <v>0</v>
      </c>
      <c r="H23" s="63"/>
      <c r="I23" s="90">
        <v>6837</v>
      </c>
      <c r="J23" s="67">
        <v>402964</v>
      </c>
      <c r="K23" s="61">
        <v>17</v>
      </c>
      <c r="L23" s="70" t="s">
        <v>76</v>
      </c>
      <c r="M23" s="63">
        <v>34326</v>
      </c>
      <c r="N23" s="63">
        <v>33404</v>
      </c>
      <c r="O23" s="65">
        <v>26645623</v>
      </c>
      <c r="P23" s="63">
        <v>2965494</v>
      </c>
      <c r="Q23" s="63">
        <v>22905778</v>
      </c>
      <c r="R23" s="63">
        <v>776</v>
      </c>
      <c r="S23" s="66">
        <v>686</v>
      </c>
      <c r="T23" s="67">
        <v>774351</v>
      </c>
      <c r="U23" s="63">
        <v>26645623</v>
      </c>
      <c r="V23" s="63">
        <v>3318622</v>
      </c>
      <c r="W23" s="63">
        <v>22562750</v>
      </c>
      <c r="X23" s="63">
        <v>776</v>
      </c>
      <c r="Y23" s="63">
        <v>675</v>
      </c>
      <c r="Z23" s="71">
        <v>764251</v>
      </c>
      <c r="AA23" s="61">
        <v>17</v>
      </c>
      <c r="AB23" s="70" t="s">
        <v>76</v>
      </c>
      <c r="AC23" s="63">
        <v>11388</v>
      </c>
      <c r="AD23" s="63">
        <v>11381965</v>
      </c>
      <c r="AE23" s="63">
        <v>1405370</v>
      </c>
      <c r="AF23" s="63">
        <v>9976595</v>
      </c>
      <c r="AG23" s="63">
        <v>999</v>
      </c>
      <c r="AH23" s="67">
        <v>876</v>
      </c>
      <c r="AI23" s="69">
        <v>0</v>
      </c>
    </row>
    <row r="24" spans="1:35" s="21" customFormat="1" ht="15" customHeight="1" x14ac:dyDescent="0.15">
      <c r="A24" s="61">
        <v>18</v>
      </c>
      <c r="B24" s="70" t="s">
        <v>77</v>
      </c>
      <c r="C24" s="63">
        <v>131773</v>
      </c>
      <c r="D24" s="63">
        <v>112736</v>
      </c>
      <c r="E24" s="63">
        <v>19037</v>
      </c>
      <c r="F24" s="63">
        <v>10202</v>
      </c>
      <c r="G24" s="63">
        <v>0</v>
      </c>
      <c r="H24" s="63"/>
      <c r="I24" s="91">
        <v>6096</v>
      </c>
      <c r="J24" s="67">
        <v>141975</v>
      </c>
      <c r="K24" s="61">
        <v>18</v>
      </c>
      <c r="L24" s="70" t="s">
        <v>77</v>
      </c>
      <c r="M24" s="63">
        <v>10510</v>
      </c>
      <c r="N24" s="63">
        <v>10170</v>
      </c>
      <c r="O24" s="65">
        <v>7528797</v>
      </c>
      <c r="P24" s="63">
        <v>580297</v>
      </c>
      <c r="Q24" s="63">
        <v>6611170</v>
      </c>
      <c r="R24" s="63">
        <v>716</v>
      </c>
      <c r="S24" s="66">
        <v>650</v>
      </c>
      <c r="T24" s="67">
        <v>337330</v>
      </c>
      <c r="U24" s="63">
        <v>7528797</v>
      </c>
      <c r="V24" s="63">
        <v>692007</v>
      </c>
      <c r="W24" s="63">
        <v>6501318</v>
      </c>
      <c r="X24" s="63">
        <v>716</v>
      </c>
      <c r="Y24" s="63">
        <v>639</v>
      </c>
      <c r="Z24" s="71">
        <v>335472</v>
      </c>
      <c r="AA24" s="61">
        <v>18</v>
      </c>
      <c r="AB24" s="70" t="s">
        <v>77</v>
      </c>
      <c r="AC24" s="63">
        <v>3489</v>
      </c>
      <c r="AD24" s="63">
        <v>3188483</v>
      </c>
      <c r="AE24" s="63">
        <v>244976</v>
      </c>
      <c r="AF24" s="63">
        <v>2943507</v>
      </c>
      <c r="AG24" s="63">
        <v>914</v>
      </c>
      <c r="AH24" s="67">
        <v>844</v>
      </c>
      <c r="AI24" s="69">
        <v>0</v>
      </c>
    </row>
    <row r="25" spans="1:35" s="21" customFormat="1" ht="15" customHeight="1" thickBot="1" x14ac:dyDescent="0.2">
      <c r="A25" s="72">
        <v>21</v>
      </c>
      <c r="B25" s="73" t="s">
        <v>78</v>
      </c>
      <c r="C25" s="74">
        <v>240633</v>
      </c>
      <c r="D25" s="74">
        <v>208746</v>
      </c>
      <c r="E25" s="74">
        <v>31887</v>
      </c>
      <c r="F25" s="74">
        <v>79855</v>
      </c>
      <c r="G25" s="74">
        <v>0</v>
      </c>
      <c r="H25" s="75"/>
      <c r="I25" s="91">
        <v>11252</v>
      </c>
      <c r="J25" s="77">
        <v>320488</v>
      </c>
      <c r="K25" s="72">
        <v>21</v>
      </c>
      <c r="L25" s="73" t="s">
        <v>78</v>
      </c>
      <c r="M25" s="74">
        <v>24421</v>
      </c>
      <c r="N25" s="75">
        <v>23798</v>
      </c>
      <c r="O25" s="72">
        <v>19219222</v>
      </c>
      <c r="P25" s="76">
        <v>2262638</v>
      </c>
      <c r="Q25" s="76">
        <v>16401995</v>
      </c>
      <c r="R25" s="76">
        <v>787</v>
      </c>
      <c r="S25" s="74">
        <v>689</v>
      </c>
      <c r="T25" s="77">
        <v>554589</v>
      </c>
      <c r="U25" s="76">
        <v>19219222</v>
      </c>
      <c r="V25" s="76">
        <v>2527363</v>
      </c>
      <c r="W25" s="76">
        <v>16148004</v>
      </c>
      <c r="X25" s="76">
        <v>787</v>
      </c>
      <c r="Y25" s="76">
        <v>679</v>
      </c>
      <c r="Z25" s="77">
        <v>543855</v>
      </c>
      <c r="AA25" s="72">
        <v>21</v>
      </c>
      <c r="AB25" s="73" t="s">
        <v>78</v>
      </c>
      <c r="AC25" s="76">
        <v>7334</v>
      </c>
      <c r="AD25" s="76">
        <v>7631758</v>
      </c>
      <c r="AE25" s="76">
        <v>879995</v>
      </c>
      <c r="AF25" s="76">
        <v>6751763</v>
      </c>
      <c r="AG25" s="76">
        <v>1041</v>
      </c>
      <c r="AH25" s="78">
        <v>921</v>
      </c>
      <c r="AI25" s="79">
        <v>0</v>
      </c>
    </row>
    <row r="26" spans="1:35" s="21" customFormat="1" ht="15" customHeight="1" thickTop="1" x14ac:dyDescent="0.15">
      <c r="A26" s="61">
        <v>19</v>
      </c>
      <c r="B26" s="70" t="s">
        <v>79</v>
      </c>
      <c r="C26" s="63">
        <v>13564</v>
      </c>
      <c r="D26" s="63">
        <v>12614</v>
      </c>
      <c r="E26" s="63">
        <v>950</v>
      </c>
      <c r="F26" s="63">
        <v>12266</v>
      </c>
      <c r="G26" s="63">
        <v>0</v>
      </c>
      <c r="H26" s="63"/>
      <c r="I26" s="88">
        <v>6405</v>
      </c>
      <c r="J26" s="67">
        <v>25830</v>
      </c>
      <c r="K26" s="61">
        <v>19</v>
      </c>
      <c r="L26" s="70" t="s">
        <v>79</v>
      </c>
      <c r="M26" s="63">
        <v>9364</v>
      </c>
      <c r="N26" s="63">
        <v>9175</v>
      </c>
      <c r="O26" s="65">
        <v>9945828</v>
      </c>
      <c r="P26" s="63">
        <v>2581980</v>
      </c>
      <c r="Q26" s="63">
        <v>7165283</v>
      </c>
      <c r="R26" s="63">
        <v>1062</v>
      </c>
      <c r="S26" s="66">
        <v>781</v>
      </c>
      <c r="T26" s="67">
        <v>198565</v>
      </c>
      <c r="U26" s="66">
        <v>9945828</v>
      </c>
      <c r="V26" s="63">
        <v>2888297</v>
      </c>
      <c r="W26" s="63">
        <v>6870256</v>
      </c>
      <c r="X26" s="63">
        <v>1062</v>
      </c>
      <c r="Y26" s="63">
        <v>749</v>
      </c>
      <c r="Z26" s="67">
        <v>187275</v>
      </c>
      <c r="AA26" s="61">
        <v>19</v>
      </c>
      <c r="AB26" s="70" t="s">
        <v>79</v>
      </c>
      <c r="AC26" s="63">
        <v>3253</v>
      </c>
      <c r="AD26" s="66">
        <v>4192740</v>
      </c>
      <c r="AE26" s="63">
        <v>868399</v>
      </c>
      <c r="AF26" s="63">
        <v>3324341</v>
      </c>
      <c r="AG26" s="63">
        <v>1289</v>
      </c>
      <c r="AH26" s="67">
        <v>1022</v>
      </c>
      <c r="AI26" s="69">
        <v>0</v>
      </c>
    </row>
    <row r="27" spans="1:35" s="21" customFormat="1" ht="15" customHeight="1" x14ac:dyDescent="0.15">
      <c r="A27" s="61">
        <v>20</v>
      </c>
      <c r="B27" s="70" t="s">
        <v>80</v>
      </c>
      <c r="C27" s="63">
        <v>105148</v>
      </c>
      <c r="D27" s="63">
        <v>89990</v>
      </c>
      <c r="E27" s="63">
        <v>15158</v>
      </c>
      <c r="F27" s="63">
        <v>6491</v>
      </c>
      <c r="G27" s="63">
        <v>0</v>
      </c>
      <c r="H27" s="63"/>
      <c r="I27" s="90">
        <v>2262</v>
      </c>
      <c r="J27" s="67">
        <v>111639</v>
      </c>
      <c r="K27" s="61">
        <v>20</v>
      </c>
      <c r="L27" s="70" t="s">
        <v>80</v>
      </c>
      <c r="M27" s="63">
        <v>12744</v>
      </c>
      <c r="N27" s="63">
        <v>12374</v>
      </c>
      <c r="O27" s="65">
        <v>9751227</v>
      </c>
      <c r="P27" s="63">
        <v>839414</v>
      </c>
      <c r="Q27" s="63">
        <v>8588476</v>
      </c>
      <c r="R27" s="63">
        <v>765</v>
      </c>
      <c r="S27" s="66">
        <v>694</v>
      </c>
      <c r="T27" s="67">
        <v>323337</v>
      </c>
      <c r="U27" s="63">
        <v>9751227</v>
      </c>
      <c r="V27" s="63">
        <v>1042574</v>
      </c>
      <c r="W27" s="63">
        <v>8392603</v>
      </c>
      <c r="X27" s="63">
        <v>765</v>
      </c>
      <c r="Y27" s="63">
        <v>678</v>
      </c>
      <c r="Z27" s="71">
        <v>316050</v>
      </c>
      <c r="AA27" s="61">
        <v>20</v>
      </c>
      <c r="AB27" s="70" t="s">
        <v>80</v>
      </c>
      <c r="AC27" s="63">
        <v>3931</v>
      </c>
      <c r="AD27" s="63">
        <v>3840862</v>
      </c>
      <c r="AE27" s="63">
        <v>290912</v>
      </c>
      <c r="AF27" s="63">
        <v>3549950</v>
      </c>
      <c r="AG27" s="63">
        <v>977</v>
      </c>
      <c r="AH27" s="67">
        <v>903</v>
      </c>
      <c r="AI27" s="69">
        <v>0</v>
      </c>
    </row>
    <row r="28" spans="1:35" s="21" customFormat="1" ht="15" customHeight="1" x14ac:dyDescent="0.15">
      <c r="A28" s="61">
        <v>22</v>
      </c>
      <c r="B28" s="70" t="s">
        <v>81</v>
      </c>
      <c r="C28" s="63">
        <v>53111</v>
      </c>
      <c r="D28" s="63">
        <v>36910</v>
      </c>
      <c r="E28" s="63">
        <v>16201</v>
      </c>
      <c r="F28" s="63">
        <v>7151</v>
      </c>
      <c r="G28" s="63">
        <v>0</v>
      </c>
      <c r="H28" s="63"/>
      <c r="I28" s="90">
        <v>2740</v>
      </c>
      <c r="J28" s="67">
        <v>60262</v>
      </c>
      <c r="K28" s="61">
        <v>22</v>
      </c>
      <c r="L28" s="70" t="s">
        <v>81</v>
      </c>
      <c r="M28" s="63">
        <v>9215</v>
      </c>
      <c r="N28" s="63">
        <v>8978</v>
      </c>
      <c r="O28" s="65">
        <v>8310922</v>
      </c>
      <c r="P28" s="63">
        <v>1491274</v>
      </c>
      <c r="Q28" s="63">
        <v>6648414</v>
      </c>
      <c r="R28" s="63">
        <v>902</v>
      </c>
      <c r="S28" s="66">
        <v>741</v>
      </c>
      <c r="T28" s="67">
        <v>171234</v>
      </c>
      <c r="U28" s="63">
        <v>8310922</v>
      </c>
      <c r="V28" s="63">
        <v>1688603</v>
      </c>
      <c r="W28" s="63">
        <v>6450580</v>
      </c>
      <c r="X28" s="63">
        <v>902</v>
      </c>
      <c r="Y28" s="63">
        <v>718</v>
      </c>
      <c r="Z28" s="71">
        <v>171739</v>
      </c>
      <c r="AA28" s="61">
        <v>22</v>
      </c>
      <c r="AB28" s="70" t="s">
        <v>81</v>
      </c>
      <c r="AC28" s="63">
        <v>2970</v>
      </c>
      <c r="AD28" s="63">
        <v>3497498</v>
      </c>
      <c r="AE28" s="63">
        <v>1056303</v>
      </c>
      <c r="AF28" s="63">
        <v>2441195</v>
      </c>
      <c r="AG28" s="63">
        <v>1178</v>
      </c>
      <c r="AH28" s="67">
        <v>822</v>
      </c>
      <c r="AI28" s="69">
        <v>0</v>
      </c>
    </row>
    <row r="29" spans="1:35" s="21" customFormat="1" ht="15" customHeight="1" x14ac:dyDescent="0.15">
      <c r="A29" s="61">
        <v>23</v>
      </c>
      <c r="B29" s="70" t="s">
        <v>82</v>
      </c>
      <c r="C29" s="63">
        <v>80517</v>
      </c>
      <c r="D29" s="63">
        <v>69121</v>
      </c>
      <c r="E29" s="63">
        <v>11396</v>
      </c>
      <c r="F29" s="63">
        <v>5589</v>
      </c>
      <c r="G29" s="63">
        <v>0</v>
      </c>
      <c r="H29" s="63"/>
      <c r="I29" s="90">
        <v>2401</v>
      </c>
      <c r="J29" s="67">
        <v>86106</v>
      </c>
      <c r="K29" s="61">
        <v>23</v>
      </c>
      <c r="L29" s="70" t="s">
        <v>82</v>
      </c>
      <c r="M29" s="63">
        <v>7646</v>
      </c>
      <c r="N29" s="63">
        <v>7409</v>
      </c>
      <c r="O29" s="65">
        <v>5930018</v>
      </c>
      <c r="P29" s="63">
        <v>622270</v>
      </c>
      <c r="Q29" s="63">
        <v>5104556</v>
      </c>
      <c r="R29" s="63">
        <v>776</v>
      </c>
      <c r="S29" s="66">
        <v>689</v>
      </c>
      <c r="T29" s="67">
        <v>203192</v>
      </c>
      <c r="U29" s="63">
        <v>5930018</v>
      </c>
      <c r="V29" s="63">
        <v>692919</v>
      </c>
      <c r="W29" s="63">
        <v>5033793</v>
      </c>
      <c r="X29" s="63">
        <v>776</v>
      </c>
      <c r="Y29" s="63">
        <v>679</v>
      </c>
      <c r="Z29" s="71">
        <v>203306</v>
      </c>
      <c r="AA29" s="61">
        <v>23</v>
      </c>
      <c r="AB29" s="70" t="s">
        <v>82</v>
      </c>
      <c r="AC29" s="63">
        <v>2410</v>
      </c>
      <c r="AD29" s="63">
        <v>2445082</v>
      </c>
      <c r="AE29" s="63">
        <v>441568</v>
      </c>
      <c r="AF29" s="63">
        <v>2003514</v>
      </c>
      <c r="AG29" s="63">
        <v>1015</v>
      </c>
      <c r="AH29" s="67">
        <v>831</v>
      </c>
      <c r="AI29" s="69">
        <v>0</v>
      </c>
    </row>
    <row r="30" spans="1:35" s="21" customFormat="1" ht="15" customHeight="1" x14ac:dyDescent="0.15">
      <c r="A30" s="61">
        <v>24</v>
      </c>
      <c r="B30" s="70" t="s">
        <v>83</v>
      </c>
      <c r="C30" s="63">
        <v>24398</v>
      </c>
      <c r="D30" s="63">
        <v>19256</v>
      </c>
      <c r="E30" s="63">
        <v>5142</v>
      </c>
      <c r="F30" s="63">
        <v>2160</v>
      </c>
      <c r="G30" s="63">
        <v>0</v>
      </c>
      <c r="H30" s="63"/>
      <c r="I30" s="90">
        <v>955</v>
      </c>
      <c r="J30" s="67">
        <v>26558</v>
      </c>
      <c r="K30" s="61">
        <v>24</v>
      </c>
      <c r="L30" s="70" t="s">
        <v>83</v>
      </c>
      <c r="M30" s="63">
        <v>2922</v>
      </c>
      <c r="N30" s="63">
        <v>2800</v>
      </c>
      <c r="O30" s="65">
        <v>2184006</v>
      </c>
      <c r="P30" s="63">
        <v>68955</v>
      </c>
      <c r="Q30" s="63">
        <v>2002372</v>
      </c>
      <c r="R30" s="63">
        <v>747</v>
      </c>
      <c r="S30" s="66">
        <v>715</v>
      </c>
      <c r="T30" s="67">
        <v>112679</v>
      </c>
      <c r="U30" s="63">
        <v>2184006</v>
      </c>
      <c r="V30" s="63">
        <v>132368</v>
      </c>
      <c r="W30" s="63">
        <v>1945121</v>
      </c>
      <c r="X30" s="63">
        <v>747</v>
      </c>
      <c r="Y30" s="63">
        <v>695</v>
      </c>
      <c r="Z30" s="71">
        <v>106517</v>
      </c>
      <c r="AA30" s="61">
        <v>24</v>
      </c>
      <c r="AB30" s="70" t="s">
        <v>83</v>
      </c>
      <c r="AC30" s="63">
        <v>919</v>
      </c>
      <c r="AD30" s="63">
        <v>788789</v>
      </c>
      <c r="AE30" s="63">
        <v>25180</v>
      </c>
      <c r="AF30" s="63">
        <v>763609</v>
      </c>
      <c r="AG30" s="63">
        <v>858</v>
      </c>
      <c r="AH30" s="67">
        <v>831</v>
      </c>
      <c r="AI30" s="69">
        <v>0</v>
      </c>
    </row>
    <row r="31" spans="1:35" s="21" customFormat="1" ht="15" customHeight="1" x14ac:dyDescent="0.15">
      <c r="A31" s="61">
        <v>25</v>
      </c>
      <c r="B31" s="70" t="s">
        <v>84</v>
      </c>
      <c r="C31" s="63">
        <v>45740</v>
      </c>
      <c r="D31" s="63">
        <v>37459</v>
      </c>
      <c r="E31" s="63">
        <v>8281</v>
      </c>
      <c r="F31" s="63">
        <v>3487</v>
      </c>
      <c r="G31" s="63">
        <v>0</v>
      </c>
      <c r="H31" s="63"/>
      <c r="I31" s="90">
        <v>1301</v>
      </c>
      <c r="J31" s="67">
        <v>49227</v>
      </c>
      <c r="K31" s="61">
        <v>25</v>
      </c>
      <c r="L31" s="70" t="s">
        <v>84</v>
      </c>
      <c r="M31" s="63">
        <v>4507</v>
      </c>
      <c r="N31" s="63">
        <v>4376</v>
      </c>
      <c r="O31" s="65">
        <v>3274172</v>
      </c>
      <c r="P31" s="63">
        <v>144444</v>
      </c>
      <c r="Q31" s="63">
        <v>2993578</v>
      </c>
      <c r="R31" s="63">
        <v>726</v>
      </c>
      <c r="S31" s="66">
        <v>684</v>
      </c>
      <c r="T31" s="67">
        <v>136150</v>
      </c>
      <c r="U31" s="63">
        <v>3274172</v>
      </c>
      <c r="V31" s="63">
        <v>237612</v>
      </c>
      <c r="W31" s="63">
        <v>2901597</v>
      </c>
      <c r="X31" s="63">
        <v>726</v>
      </c>
      <c r="Y31" s="63">
        <v>663</v>
      </c>
      <c r="Z31" s="71">
        <v>134963</v>
      </c>
      <c r="AA31" s="61">
        <v>25</v>
      </c>
      <c r="AB31" s="70" t="s">
        <v>84</v>
      </c>
      <c r="AC31" s="63">
        <v>1447</v>
      </c>
      <c r="AD31" s="63">
        <v>1329034</v>
      </c>
      <c r="AE31" s="63">
        <v>71301</v>
      </c>
      <c r="AF31" s="63">
        <v>1257733</v>
      </c>
      <c r="AG31" s="63">
        <v>918</v>
      </c>
      <c r="AH31" s="67">
        <v>869</v>
      </c>
      <c r="AI31" s="69">
        <v>0</v>
      </c>
    </row>
    <row r="32" spans="1:35" s="21" customFormat="1" ht="15" customHeight="1" x14ac:dyDescent="0.15">
      <c r="A32" s="61">
        <v>26</v>
      </c>
      <c r="B32" s="70" t="s">
        <v>85</v>
      </c>
      <c r="C32" s="63">
        <v>53786</v>
      </c>
      <c r="D32" s="63">
        <v>38719</v>
      </c>
      <c r="E32" s="63">
        <v>15067</v>
      </c>
      <c r="F32" s="63">
        <v>2090</v>
      </c>
      <c r="G32" s="63">
        <v>0</v>
      </c>
      <c r="H32" s="63"/>
      <c r="I32" s="90">
        <v>886</v>
      </c>
      <c r="J32" s="67">
        <v>55876</v>
      </c>
      <c r="K32" s="61">
        <v>26</v>
      </c>
      <c r="L32" s="70" t="s">
        <v>85</v>
      </c>
      <c r="M32" s="63">
        <v>3032</v>
      </c>
      <c r="N32" s="63">
        <v>2901</v>
      </c>
      <c r="O32" s="65">
        <v>2236915</v>
      </c>
      <c r="P32" s="63">
        <v>296809</v>
      </c>
      <c r="Q32" s="63">
        <v>1827113</v>
      </c>
      <c r="R32" s="63">
        <v>738</v>
      </c>
      <c r="S32" s="66">
        <v>630</v>
      </c>
      <c r="T32" s="67">
        <v>112993</v>
      </c>
      <c r="U32" s="63">
        <v>2236915</v>
      </c>
      <c r="V32" s="63">
        <v>296791</v>
      </c>
      <c r="W32" s="63">
        <v>1827129</v>
      </c>
      <c r="X32" s="63">
        <v>738</v>
      </c>
      <c r="Y32" s="63">
        <v>630</v>
      </c>
      <c r="Z32" s="71">
        <v>112995</v>
      </c>
      <c r="AA32" s="61">
        <v>26</v>
      </c>
      <c r="AB32" s="70" t="s">
        <v>85</v>
      </c>
      <c r="AC32" s="63">
        <v>1036</v>
      </c>
      <c r="AD32" s="63">
        <v>926932</v>
      </c>
      <c r="AE32" s="63">
        <v>136353</v>
      </c>
      <c r="AF32" s="63">
        <v>790579</v>
      </c>
      <c r="AG32" s="63">
        <v>895</v>
      </c>
      <c r="AH32" s="67">
        <v>763</v>
      </c>
      <c r="AI32" s="69">
        <v>0</v>
      </c>
    </row>
    <row r="33" spans="1:35" s="21" customFormat="1" ht="15" customHeight="1" x14ac:dyDescent="0.15">
      <c r="A33" s="61">
        <v>27</v>
      </c>
      <c r="B33" s="70" t="s">
        <v>86</v>
      </c>
      <c r="C33" s="63">
        <v>36509</v>
      </c>
      <c r="D33" s="63">
        <v>27291</v>
      </c>
      <c r="E33" s="63">
        <v>9218</v>
      </c>
      <c r="F33" s="63">
        <v>2233</v>
      </c>
      <c r="G33" s="63">
        <v>0</v>
      </c>
      <c r="H33" s="63"/>
      <c r="I33" s="90">
        <v>746</v>
      </c>
      <c r="J33" s="67">
        <v>38742</v>
      </c>
      <c r="K33" s="61">
        <v>27</v>
      </c>
      <c r="L33" s="70" t="s">
        <v>86</v>
      </c>
      <c r="M33" s="63">
        <v>3142</v>
      </c>
      <c r="N33" s="63">
        <v>2996</v>
      </c>
      <c r="O33" s="65">
        <v>2204419</v>
      </c>
      <c r="P33" s="63">
        <v>79805</v>
      </c>
      <c r="Q33" s="63">
        <v>2015320</v>
      </c>
      <c r="R33" s="63">
        <v>702</v>
      </c>
      <c r="S33" s="66">
        <v>673</v>
      </c>
      <c r="T33" s="67">
        <v>109294</v>
      </c>
      <c r="U33" s="63">
        <v>2204419</v>
      </c>
      <c r="V33" s="63">
        <v>111715</v>
      </c>
      <c r="W33" s="63">
        <v>1983410</v>
      </c>
      <c r="X33" s="63">
        <v>702</v>
      </c>
      <c r="Y33" s="63">
        <v>662</v>
      </c>
      <c r="Z33" s="71">
        <v>109294</v>
      </c>
      <c r="AA33" s="61">
        <v>27</v>
      </c>
      <c r="AB33" s="70" t="s">
        <v>86</v>
      </c>
      <c r="AC33" s="63">
        <v>1054</v>
      </c>
      <c r="AD33" s="63">
        <v>827525</v>
      </c>
      <c r="AE33" s="63">
        <v>51042</v>
      </c>
      <c r="AF33" s="63">
        <v>776483</v>
      </c>
      <c r="AG33" s="63">
        <v>785</v>
      </c>
      <c r="AH33" s="67">
        <v>737</v>
      </c>
      <c r="AI33" s="69">
        <v>0</v>
      </c>
    </row>
    <row r="34" spans="1:35" s="21" customFormat="1" ht="15" customHeight="1" x14ac:dyDescent="0.15">
      <c r="A34" s="61">
        <v>28</v>
      </c>
      <c r="B34" s="70" t="s">
        <v>87</v>
      </c>
      <c r="C34" s="63">
        <v>44039</v>
      </c>
      <c r="D34" s="63">
        <v>38086</v>
      </c>
      <c r="E34" s="63">
        <v>5953</v>
      </c>
      <c r="F34" s="63">
        <v>3526</v>
      </c>
      <c r="G34" s="63">
        <v>0</v>
      </c>
      <c r="H34" s="63"/>
      <c r="I34" s="90">
        <v>1618</v>
      </c>
      <c r="J34" s="67">
        <v>47565</v>
      </c>
      <c r="K34" s="61">
        <v>28</v>
      </c>
      <c r="L34" s="70" t="s">
        <v>87</v>
      </c>
      <c r="M34" s="63">
        <v>3763</v>
      </c>
      <c r="N34" s="63">
        <v>3609</v>
      </c>
      <c r="O34" s="65">
        <v>2999950</v>
      </c>
      <c r="P34" s="63">
        <v>433196</v>
      </c>
      <c r="Q34" s="63">
        <v>2425699</v>
      </c>
      <c r="R34" s="63">
        <v>797</v>
      </c>
      <c r="S34" s="66">
        <v>672</v>
      </c>
      <c r="T34" s="67">
        <v>141055</v>
      </c>
      <c r="U34" s="63">
        <v>2999950</v>
      </c>
      <c r="V34" s="63">
        <v>475593</v>
      </c>
      <c r="W34" s="63">
        <v>2383407</v>
      </c>
      <c r="X34" s="63">
        <v>797</v>
      </c>
      <c r="Y34" s="63">
        <v>660</v>
      </c>
      <c r="Z34" s="71">
        <v>140950</v>
      </c>
      <c r="AA34" s="61">
        <v>28</v>
      </c>
      <c r="AB34" s="70" t="s">
        <v>87</v>
      </c>
      <c r="AC34" s="63">
        <v>1216</v>
      </c>
      <c r="AD34" s="63">
        <v>1261282</v>
      </c>
      <c r="AE34" s="63">
        <v>126623</v>
      </c>
      <c r="AF34" s="63">
        <v>1134659</v>
      </c>
      <c r="AG34" s="63">
        <v>1037</v>
      </c>
      <c r="AH34" s="67">
        <v>933</v>
      </c>
      <c r="AI34" s="69">
        <v>0</v>
      </c>
    </row>
    <row r="35" spans="1:35" s="21" customFormat="1" ht="15" customHeight="1" x14ac:dyDescent="0.15">
      <c r="A35" s="61">
        <v>29</v>
      </c>
      <c r="B35" s="70" t="s">
        <v>88</v>
      </c>
      <c r="C35" s="63">
        <v>33742</v>
      </c>
      <c r="D35" s="63">
        <v>31087</v>
      </c>
      <c r="E35" s="63">
        <v>2655</v>
      </c>
      <c r="F35" s="63">
        <v>2117</v>
      </c>
      <c r="G35" s="63">
        <v>0</v>
      </c>
      <c r="H35" s="63"/>
      <c r="I35" s="90">
        <v>773</v>
      </c>
      <c r="J35" s="67">
        <v>35859</v>
      </c>
      <c r="K35" s="61">
        <v>29</v>
      </c>
      <c r="L35" s="70" t="s">
        <v>88</v>
      </c>
      <c r="M35" s="63">
        <v>3609</v>
      </c>
      <c r="N35" s="63">
        <v>3539</v>
      </c>
      <c r="O35" s="65">
        <v>2715622</v>
      </c>
      <c r="P35" s="63">
        <v>261984</v>
      </c>
      <c r="Q35" s="63">
        <v>2401951</v>
      </c>
      <c r="R35" s="63">
        <v>752</v>
      </c>
      <c r="S35" s="66">
        <v>679</v>
      </c>
      <c r="T35" s="67">
        <v>51687</v>
      </c>
      <c r="U35" s="63">
        <v>2715622</v>
      </c>
      <c r="V35" s="63">
        <v>270829</v>
      </c>
      <c r="W35" s="63">
        <v>2393106</v>
      </c>
      <c r="X35" s="63">
        <v>752</v>
      </c>
      <c r="Y35" s="63">
        <v>676</v>
      </c>
      <c r="Z35" s="71">
        <v>51687</v>
      </c>
      <c r="AA35" s="61">
        <v>29</v>
      </c>
      <c r="AB35" s="70" t="s">
        <v>88</v>
      </c>
      <c r="AC35" s="63">
        <v>1194</v>
      </c>
      <c r="AD35" s="63">
        <v>1217186</v>
      </c>
      <c r="AE35" s="63">
        <v>145209</v>
      </c>
      <c r="AF35" s="63">
        <v>1071977</v>
      </c>
      <c r="AG35" s="63">
        <v>1019</v>
      </c>
      <c r="AH35" s="67">
        <v>898</v>
      </c>
      <c r="AI35" s="69">
        <v>0</v>
      </c>
    </row>
    <row r="36" spans="1:35" s="21" customFormat="1" ht="15" customHeight="1" x14ac:dyDescent="0.15">
      <c r="A36" s="61">
        <v>30</v>
      </c>
      <c r="B36" s="70" t="s">
        <v>89</v>
      </c>
      <c r="C36" s="63">
        <v>36594</v>
      </c>
      <c r="D36" s="63">
        <v>33311</v>
      </c>
      <c r="E36" s="63">
        <v>3283</v>
      </c>
      <c r="F36" s="63">
        <v>1813</v>
      </c>
      <c r="G36" s="63">
        <v>0</v>
      </c>
      <c r="H36" s="63"/>
      <c r="I36" s="90">
        <v>546</v>
      </c>
      <c r="J36" s="67">
        <v>38407</v>
      </c>
      <c r="K36" s="61">
        <v>30</v>
      </c>
      <c r="L36" s="70" t="s">
        <v>89</v>
      </c>
      <c r="M36" s="63">
        <v>2668</v>
      </c>
      <c r="N36" s="63">
        <v>2617</v>
      </c>
      <c r="O36" s="65">
        <v>2087554</v>
      </c>
      <c r="P36" s="63">
        <v>381723</v>
      </c>
      <c r="Q36" s="63">
        <v>1659064</v>
      </c>
      <c r="R36" s="63">
        <v>782</v>
      </c>
      <c r="S36" s="66">
        <v>634</v>
      </c>
      <c r="T36" s="67">
        <v>46767</v>
      </c>
      <c r="U36" s="63">
        <v>2087554</v>
      </c>
      <c r="V36" s="63">
        <v>386366</v>
      </c>
      <c r="W36" s="63">
        <v>1654421</v>
      </c>
      <c r="X36" s="63">
        <v>782</v>
      </c>
      <c r="Y36" s="63">
        <v>632</v>
      </c>
      <c r="Z36" s="71">
        <v>46767</v>
      </c>
      <c r="AA36" s="61">
        <v>30</v>
      </c>
      <c r="AB36" s="70" t="s">
        <v>89</v>
      </c>
      <c r="AC36" s="63">
        <v>918</v>
      </c>
      <c r="AD36" s="63">
        <v>744888</v>
      </c>
      <c r="AE36" s="63">
        <v>38013</v>
      </c>
      <c r="AF36" s="63">
        <v>706875</v>
      </c>
      <c r="AG36" s="63">
        <v>811</v>
      </c>
      <c r="AH36" s="67">
        <v>770</v>
      </c>
      <c r="AI36" s="69">
        <v>0</v>
      </c>
    </row>
    <row r="37" spans="1:35" s="21" customFormat="1" ht="15" customHeight="1" x14ac:dyDescent="0.15">
      <c r="A37" s="61">
        <v>31</v>
      </c>
      <c r="B37" s="70" t="s">
        <v>90</v>
      </c>
      <c r="C37" s="63">
        <v>62789</v>
      </c>
      <c r="D37" s="63">
        <v>57860</v>
      </c>
      <c r="E37" s="63">
        <v>4929</v>
      </c>
      <c r="F37" s="63">
        <v>7240</v>
      </c>
      <c r="G37" s="63">
        <v>0</v>
      </c>
      <c r="H37" s="63"/>
      <c r="I37" s="90">
        <v>2785</v>
      </c>
      <c r="J37" s="67">
        <v>70029</v>
      </c>
      <c r="K37" s="61">
        <v>31</v>
      </c>
      <c r="L37" s="70" t="s">
        <v>90</v>
      </c>
      <c r="M37" s="63">
        <v>8418</v>
      </c>
      <c r="N37" s="63">
        <v>8313</v>
      </c>
      <c r="O37" s="65">
        <v>6000519</v>
      </c>
      <c r="P37" s="63">
        <v>454764</v>
      </c>
      <c r="Q37" s="63">
        <v>5453117</v>
      </c>
      <c r="R37" s="63">
        <v>713</v>
      </c>
      <c r="S37" s="66">
        <v>656</v>
      </c>
      <c r="T37" s="67">
        <v>92638</v>
      </c>
      <c r="U37" s="63">
        <v>6000519</v>
      </c>
      <c r="V37" s="63">
        <v>593707</v>
      </c>
      <c r="W37" s="63">
        <v>5314808</v>
      </c>
      <c r="X37" s="63">
        <v>713</v>
      </c>
      <c r="Y37" s="63">
        <v>639</v>
      </c>
      <c r="Z37" s="71">
        <v>92004</v>
      </c>
      <c r="AA37" s="61">
        <v>31</v>
      </c>
      <c r="AB37" s="70" t="s">
        <v>90</v>
      </c>
      <c r="AC37" s="63">
        <v>2848</v>
      </c>
      <c r="AD37" s="63">
        <v>2769204</v>
      </c>
      <c r="AE37" s="63">
        <v>284577</v>
      </c>
      <c r="AF37" s="63">
        <v>2484627</v>
      </c>
      <c r="AG37" s="63">
        <v>972</v>
      </c>
      <c r="AH37" s="67">
        <v>872</v>
      </c>
      <c r="AI37" s="69">
        <v>0</v>
      </c>
    </row>
    <row r="38" spans="1:35" s="21" customFormat="1" ht="15" customHeight="1" x14ac:dyDescent="0.15">
      <c r="A38" s="61">
        <v>32</v>
      </c>
      <c r="B38" s="70" t="s">
        <v>91</v>
      </c>
      <c r="C38" s="63">
        <v>175199</v>
      </c>
      <c r="D38" s="63">
        <v>150549</v>
      </c>
      <c r="E38" s="63">
        <v>24650</v>
      </c>
      <c r="F38" s="63">
        <v>9385</v>
      </c>
      <c r="G38" s="63">
        <v>0</v>
      </c>
      <c r="H38" s="63"/>
      <c r="I38" s="90">
        <v>2129</v>
      </c>
      <c r="J38" s="67">
        <v>184584</v>
      </c>
      <c r="K38" s="61">
        <v>32</v>
      </c>
      <c r="L38" s="70" t="s">
        <v>91</v>
      </c>
      <c r="M38" s="63">
        <v>13076</v>
      </c>
      <c r="N38" s="63">
        <v>12640</v>
      </c>
      <c r="O38" s="65">
        <v>10252743</v>
      </c>
      <c r="P38" s="63">
        <v>1614198</v>
      </c>
      <c r="Q38" s="63">
        <v>8270700</v>
      </c>
      <c r="R38" s="63">
        <v>784</v>
      </c>
      <c r="S38" s="66">
        <v>654</v>
      </c>
      <c r="T38" s="67">
        <v>367845</v>
      </c>
      <c r="U38" s="63">
        <v>10252743</v>
      </c>
      <c r="V38" s="63">
        <v>1605212</v>
      </c>
      <c r="W38" s="63">
        <v>8279605</v>
      </c>
      <c r="X38" s="63">
        <v>784</v>
      </c>
      <c r="Y38" s="63">
        <v>655</v>
      </c>
      <c r="Z38" s="71">
        <v>367926</v>
      </c>
      <c r="AA38" s="61">
        <v>32</v>
      </c>
      <c r="AB38" s="70" t="s">
        <v>91</v>
      </c>
      <c r="AC38" s="63">
        <v>4314</v>
      </c>
      <c r="AD38" s="63">
        <v>4718996</v>
      </c>
      <c r="AE38" s="63">
        <v>943837</v>
      </c>
      <c r="AF38" s="63">
        <v>3775159</v>
      </c>
      <c r="AG38" s="63">
        <v>1094</v>
      </c>
      <c r="AH38" s="67">
        <v>875</v>
      </c>
      <c r="AI38" s="69">
        <v>0</v>
      </c>
    </row>
    <row r="39" spans="1:35" s="21" customFormat="1" ht="15" customHeight="1" thickBot="1" x14ac:dyDescent="0.2">
      <c r="A39" s="61">
        <v>33</v>
      </c>
      <c r="B39" s="70" t="s">
        <v>92</v>
      </c>
      <c r="C39" s="63">
        <v>11411</v>
      </c>
      <c r="D39" s="63">
        <v>8837</v>
      </c>
      <c r="E39" s="63">
        <v>2574</v>
      </c>
      <c r="F39" s="63">
        <v>965</v>
      </c>
      <c r="G39" s="63">
        <v>0</v>
      </c>
      <c r="H39" s="63"/>
      <c r="I39" s="90">
        <v>551</v>
      </c>
      <c r="J39" s="67">
        <v>12376</v>
      </c>
      <c r="K39" s="61">
        <v>33</v>
      </c>
      <c r="L39" s="70" t="s">
        <v>92</v>
      </c>
      <c r="M39" s="63">
        <v>967</v>
      </c>
      <c r="N39" s="63">
        <v>951</v>
      </c>
      <c r="O39" s="65">
        <v>729877</v>
      </c>
      <c r="P39" s="63">
        <v>35650</v>
      </c>
      <c r="Q39" s="63">
        <v>675306</v>
      </c>
      <c r="R39" s="63">
        <v>755</v>
      </c>
      <c r="S39" s="66">
        <v>710</v>
      </c>
      <c r="T39" s="67">
        <v>18921</v>
      </c>
      <c r="U39" s="63">
        <v>729877</v>
      </c>
      <c r="V39" s="63">
        <v>36588</v>
      </c>
      <c r="W39" s="63">
        <v>674368</v>
      </c>
      <c r="X39" s="63">
        <v>755</v>
      </c>
      <c r="Y39" s="63">
        <v>709</v>
      </c>
      <c r="Z39" s="80">
        <v>18921</v>
      </c>
      <c r="AA39" s="61">
        <v>33</v>
      </c>
      <c r="AB39" s="70" t="s">
        <v>92</v>
      </c>
      <c r="AC39" s="63">
        <v>330</v>
      </c>
      <c r="AD39" s="63">
        <v>285091</v>
      </c>
      <c r="AE39" s="63">
        <v>8808</v>
      </c>
      <c r="AF39" s="63">
        <v>276283</v>
      </c>
      <c r="AG39" s="63">
        <v>864</v>
      </c>
      <c r="AH39" s="67">
        <v>837</v>
      </c>
      <c r="AI39" s="69">
        <v>0</v>
      </c>
    </row>
    <row r="40" spans="1:35" s="21" customFormat="1" ht="12" hidden="1" customHeight="1" x14ac:dyDescent="0.15">
      <c r="A40" s="61">
        <v>34</v>
      </c>
      <c r="B40" s="81" t="s">
        <v>93</v>
      </c>
      <c r="C40" s="63"/>
      <c r="D40" s="63"/>
      <c r="E40" s="63"/>
      <c r="F40" s="63"/>
      <c r="G40" s="63"/>
      <c r="H40" s="63"/>
      <c r="I40" s="90"/>
      <c r="J40" s="67">
        <v>0</v>
      </c>
      <c r="K40" s="61">
        <v>34</v>
      </c>
      <c r="L40" s="81" t="s">
        <v>93</v>
      </c>
      <c r="M40" s="63">
        <v>0</v>
      </c>
      <c r="N40" s="63"/>
      <c r="O40" s="65">
        <v>0</v>
      </c>
      <c r="P40" s="63">
        <v>0</v>
      </c>
      <c r="Q40" s="63">
        <v>0</v>
      </c>
      <c r="R40" s="63" t="e">
        <v>#DIV/0!</v>
      </c>
      <c r="S40" s="66" t="e">
        <v>#DIV/0!</v>
      </c>
      <c r="T40" s="67">
        <v>0</v>
      </c>
      <c r="U40" s="63">
        <v>0</v>
      </c>
      <c r="V40" s="63">
        <v>0</v>
      </c>
      <c r="W40" s="63">
        <v>0</v>
      </c>
      <c r="X40" s="63" t="e">
        <v>#DIV/0!</v>
      </c>
      <c r="Y40" s="63" t="e">
        <v>#DIV/0!</v>
      </c>
      <c r="Z40" s="82"/>
      <c r="AA40" s="61">
        <v>34</v>
      </c>
      <c r="AB40" s="81" t="s">
        <v>93</v>
      </c>
      <c r="AC40" s="63"/>
      <c r="AD40" s="63">
        <v>0</v>
      </c>
      <c r="AE40" s="63">
        <v>0</v>
      </c>
      <c r="AF40" s="63">
        <v>0</v>
      </c>
      <c r="AG40" s="63" t="e">
        <v>#DIV/0!</v>
      </c>
      <c r="AH40" s="67" t="e">
        <v>#DIV/0!</v>
      </c>
      <c r="AI40" s="69">
        <v>0</v>
      </c>
    </row>
    <row r="41" spans="1:35" s="21" customFormat="1" ht="12" hidden="1" customHeight="1" x14ac:dyDescent="0.15">
      <c r="A41" s="61">
        <v>35</v>
      </c>
      <c r="B41" s="81" t="s">
        <v>94</v>
      </c>
      <c r="C41" s="63"/>
      <c r="D41" s="63"/>
      <c r="E41" s="63"/>
      <c r="F41" s="63"/>
      <c r="G41" s="63"/>
      <c r="H41" s="63"/>
      <c r="I41" s="90"/>
      <c r="J41" s="67">
        <v>0</v>
      </c>
      <c r="K41" s="61">
        <v>35</v>
      </c>
      <c r="L41" s="81" t="s">
        <v>94</v>
      </c>
      <c r="M41" s="63"/>
      <c r="N41" s="63"/>
      <c r="O41" s="65">
        <v>0</v>
      </c>
      <c r="P41" s="63">
        <v>0</v>
      </c>
      <c r="Q41" s="63">
        <v>0</v>
      </c>
      <c r="R41" s="63" t="e">
        <v>#DIV/0!</v>
      </c>
      <c r="S41" s="66" t="e">
        <v>#DIV/0!</v>
      </c>
      <c r="T41" s="67">
        <v>0</v>
      </c>
      <c r="U41" s="63"/>
      <c r="V41" s="63"/>
      <c r="W41" s="63">
        <v>0</v>
      </c>
      <c r="X41" s="63" t="e">
        <v>#DIV/0!</v>
      </c>
      <c r="Y41" s="63" t="e">
        <v>#DIV/0!</v>
      </c>
      <c r="Z41" s="82"/>
      <c r="AA41" s="61">
        <v>35</v>
      </c>
      <c r="AB41" s="81" t="s">
        <v>94</v>
      </c>
      <c r="AC41" s="63"/>
      <c r="AD41" s="63"/>
      <c r="AE41" s="63"/>
      <c r="AF41" s="63">
        <v>0</v>
      </c>
      <c r="AG41" s="63" t="e">
        <v>#DIV/0!</v>
      </c>
      <c r="AH41" s="67" t="e">
        <v>#DIV/0!</v>
      </c>
      <c r="AI41" s="69">
        <v>0</v>
      </c>
    </row>
    <row r="42" spans="1:35" s="21" customFormat="1" ht="12" hidden="1" customHeight="1" x14ac:dyDescent="0.15">
      <c r="A42" s="61">
        <v>36</v>
      </c>
      <c r="B42" s="81" t="s">
        <v>95</v>
      </c>
      <c r="C42" s="63"/>
      <c r="D42" s="63"/>
      <c r="E42" s="63"/>
      <c r="F42" s="63"/>
      <c r="G42" s="63"/>
      <c r="H42" s="63"/>
      <c r="I42" s="90"/>
      <c r="J42" s="67">
        <v>0</v>
      </c>
      <c r="K42" s="61">
        <v>36</v>
      </c>
      <c r="L42" s="81" t="s">
        <v>95</v>
      </c>
      <c r="M42" s="63"/>
      <c r="N42" s="63"/>
      <c r="O42" s="65">
        <v>0</v>
      </c>
      <c r="P42" s="63">
        <v>0</v>
      </c>
      <c r="Q42" s="63">
        <v>0</v>
      </c>
      <c r="R42" s="63" t="e">
        <v>#DIV/0!</v>
      </c>
      <c r="S42" s="66" t="e">
        <v>#DIV/0!</v>
      </c>
      <c r="T42" s="67">
        <v>0</v>
      </c>
      <c r="U42" s="63"/>
      <c r="V42" s="63"/>
      <c r="W42" s="63">
        <v>0</v>
      </c>
      <c r="X42" s="63" t="e">
        <v>#DIV/0!</v>
      </c>
      <c r="Y42" s="63" t="e">
        <v>#DIV/0!</v>
      </c>
      <c r="Z42" s="82"/>
      <c r="AA42" s="61">
        <v>36</v>
      </c>
      <c r="AB42" s="81" t="s">
        <v>95</v>
      </c>
      <c r="AC42" s="63"/>
      <c r="AD42" s="63"/>
      <c r="AE42" s="63"/>
      <c r="AF42" s="63">
        <v>0</v>
      </c>
      <c r="AG42" s="63" t="e">
        <v>#DIV/0!</v>
      </c>
      <c r="AH42" s="67" t="e">
        <v>#DIV/0!</v>
      </c>
      <c r="AI42" s="69">
        <v>0</v>
      </c>
    </row>
    <row r="43" spans="1:35" s="21" customFormat="1" ht="12" hidden="1" customHeight="1" thickBot="1" x14ac:dyDescent="0.2">
      <c r="A43" s="72">
        <v>37</v>
      </c>
      <c r="B43" s="83" t="s">
        <v>96</v>
      </c>
      <c r="C43" s="84"/>
      <c r="D43" s="63"/>
      <c r="E43" s="84"/>
      <c r="F43" s="63"/>
      <c r="G43" s="84"/>
      <c r="H43" s="84"/>
      <c r="I43" s="91"/>
      <c r="J43" s="67">
        <v>0</v>
      </c>
      <c r="K43" s="72">
        <v>37</v>
      </c>
      <c r="L43" s="83" t="s">
        <v>96</v>
      </c>
      <c r="M43" s="63">
        <v>0</v>
      </c>
      <c r="N43" s="63"/>
      <c r="O43" s="65">
        <v>0</v>
      </c>
      <c r="P43" s="85">
        <v>0</v>
      </c>
      <c r="Q43" s="85">
        <v>0</v>
      </c>
      <c r="R43" s="85" t="e">
        <v>#DIV/0!</v>
      </c>
      <c r="S43" s="86" t="e">
        <v>#DIV/0!</v>
      </c>
      <c r="T43" s="82">
        <v>0</v>
      </c>
      <c r="U43" s="85">
        <v>0</v>
      </c>
      <c r="V43" s="85">
        <v>0</v>
      </c>
      <c r="W43" s="85">
        <v>0</v>
      </c>
      <c r="X43" s="85" t="e">
        <v>#DIV/0!</v>
      </c>
      <c r="Y43" s="85" t="e">
        <v>#DIV/0!</v>
      </c>
      <c r="Z43" s="82"/>
      <c r="AA43" s="72">
        <v>37</v>
      </c>
      <c r="AB43" s="83" t="s">
        <v>96</v>
      </c>
      <c r="AC43" s="85"/>
      <c r="AD43" s="85">
        <v>0</v>
      </c>
      <c r="AE43" s="85">
        <v>0</v>
      </c>
      <c r="AF43" s="85">
        <v>0</v>
      </c>
      <c r="AG43" s="85" t="e">
        <v>#DIV/0!</v>
      </c>
      <c r="AH43" s="82" t="e">
        <v>#DIV/0!</v>
      </c>
      <c r="AI43" s="87">
        <v>0</v>
      </c>
    </row>
    <row r="44" spans="1:35" s="21" customFormat="1" ht="16.5" customHeight="1" thickTop="1" thickBot="1" x14ac:dyDescent="0.2">
      <c r="A44" s="107" t="s">
        <v>97</v>
      </c>
      <c r="B44" s="108"/>
      <c r="C44" s="92">
        <v>13615399</v>
      </c>
      <c r="D44" s="92">
        <v>11214025</v>
      </c>
      <c r="E44" s="92">
        <v>2401374</v>
      </c>
      <c r="F44" s="92">
        <v>5916082</v>
      </c>
      <c r="G44" s="93">
        <v>10963</v>
      </c>
      <c r="H44" s="93">
        <v>16740</v>
      </c>
      <c r="I44" s="94">
        <v>698991</v>
      </c>
      <c r="J44" s="95">
        <v>19531481</v>
      </c>
      <c r="K44" s="107" t="s">
        <v>97</v>
      </c>
      <c r="L44" s="108"/>
      <c r="M44" s="93">
        <v>2075504</v>
      </c>
      <c r="N44" s="93">
        <v>2037588</v>
      </c>
      <c r="O44" s="96">
        <v>1848558213</v>
      </c>
      <c r="P44" s="93">
        <v>332559017</v>
      </c>
      <c r="Q44" s="93">
        <v>1481118239</v>
      </c>
      <c r="R44" s="93">
        <v>891</v>
      </c>
      <c r="S44" s="94">
        <v>727</v>
      </c>
      <c r="T44" s="95">
        <v>34880957</v>
      </c>
      <c r="U44" s="94">
        <v>1848558213</v>
      </c>
      <c r="V44" s="93">
        <v>351064997</v>
      </c>
      <c r="W44" s="93">
        <v>1462992604</v>
      </c>
      <c r="X44" s="93">
        <v>891</v>
      </c>
      <c r="Y44" s="93">
        <v>718</v>
      </c>
      <c r="Z44" s="97">
        <v>34500612</v>
      </c>
      <c r="AA44" s="107" t="s">
        <v>98</v>
      </c>
      <c r="AB44" s="108"/>
      <c r="AC44" s="93">
        <v>689177</v>
      </c>
      <c r="AD44" s="94">
        <v>779108866</v>
      </c>
      <c r="AE44" s="93">
        <v>149927937</v>
      </c>
      <c r="AF44" s="93">
        <v>629180929</v>
      </c>
      <c r="AG44" s="93">
        <v>1130</v>
      </c>
      <c r="AH44" s="95">
        <v>913</v>
      </c>
      <c r="AI44" s="98">
        <v>0</v>
      </c>
    </row>
    <row r="45" spans="1:35" s="21" customFormat="1" ht="16.5" customHeight="1" thickTop="1" thickBot="1" x14ac:dyDescent="0.2">
      <c r="A45" s="109" t="s">
        <v>99</v>
      </c>
      <c r="B45" s="110"/>
      <c r="C45" s="93">
        <v>776547</v>
      </c>
      <c r="D45" s="93">
        <v>651090</v>
      </c>
      <c r="E45" s="93">
        <v>125457</v>
      </c>
      <c r="F45" s="93">
        <v>66513</v>
      </c>
      <c r="G45" s="93">
        <v>0</v>
      </c>
      <c r="H45" s="93">
        <v>0</v>
      </c>
      <c r="I45" s="93">
        <v>26098</v>
      </c>
      <c r="J45" s="95">
        <v>843060</v>
      </c>
      <c r="K45" s="109" t="s">
        <v>99</v>
      </c>
      <c r="L45" s="110"/>
      <c r="M45" s="93">
        <v>85073</v>
      </c>
      <c r="N45" s="93">
        <v>82678</v>
      </c>
      <c r="O45" s="96">
        <v>68623772</v>
      </c>
      <c r="P45" s="93">
        <v>9306466</v>
      </c>
      <c r="Q45" s="93">
        <v>57230949</v>
      </c>
      <c r="R45" s="93">
        <v>807</v>
      </c>
      <c r="S45" s="94">
        <v>692</v>
      </c>
      <c r="T45" s="95">
        <v>2086357</v>
      </c>
      <c r="U45" s="93">
        <v>68623772</v>
      </c>
      <c r="V45" s="93">
        <v>10459174</v>
      </c>
      <c r="W45" s="93">
        <v>56104204</v>
      </c>
      <c r="X45" s="93">
        <v>807</v>
      </c>
      <c r="Y45" s="93">
        <v>679</v>
      </c>
      <c r="Z45" s="95">
        <v>2060394</v>
      </c>
      <c r="AA45" s="109" t="s">
        <v>99</v>
      </c>
      <c r="AB45" s="110"/>
      <c r="AC45" s="93">
        <v>27840</v>
      </c>
      <c r="AD45" s="93">
        <v>28845109</v>
      </c>
      <c r="AE45" s="93">
        <v>4488125</v>
      </c>
      <c r="AF45" s="93">
        <v>24356984</v>
      </c>
      <c r="AG45" s="93">
        <v>1036</v>
      </c>
      <c r="AH45" s="95">
        <v>875</v>
      </c>
      <c r="AI45" s="98">
        <v>0</v>
      </c>
    </row>
    <row r="46" spans="1:35" s="21" customFormat="1" ht="15" customHeight="1" thickTop="1" thickBot="1" x14ac:dyDescent="0.2">
      <c r="A46" s="105" t="s">
        <v>100</v>
      </c>
      <c r="B46" s="106"/>
      <c r="C46" s="99">
        <v>14391946</v>
      </c>
      <c r="D46" s="99">
        <v>11865115</v>
      </c>
      <c r="E46" s="99">
        <v>2526831</v>
      </c>
      <c r="F46" s="99">
        <v>5982595</v>
      </c>
      <c r="G46" s="99">
        <v>10963</v>
      </c>
      <c r="H46" s="99">
        <v>16740</v>
      </c>
      <c r="I46" s="99">
        <v>725089</v>
      </c>
      <c r="J46" s="100">
        <v>20374541</v>
      </c>
      <c r="K46" s="105" t="s">
        <v>101</v>
      </c>
      <c r="L46" s="106"/>
      <c r="M46" s="99">
        <v>2160577</v>
      </c>
      <c r="N46" s="99">
        <v>2120266</v>
      </c>
      <c r="O46" s="101">
        <v>1917181985</v>
      </c>
      <c r="P46" s="99">
        <v>341865483</v>
      </c>
      <c r="Q46" s="99">
        <v>1538349188</v>
      </c>
      <c r="R46" s="99">
        <v>887</v>
      </c>
      <c r="S46" s="102">
        <v>726</v>
      </c>
      <c r="T46" s="100">
        <v>36967314</v>
      </c>
      <c r="U46" s="99">
        <v>1917181985</v>
      </c>
      <c r="V46" s="99">
        <v>361524171</v>
      </c>
      <c r="W46" s="99">
        <v>1519096808</v>
      </c>
      <c r="X46" s="99">
        <v>887</v>
      </c>
      <c r="Y46" s="99">
        <v>716</v>
      </c>
      <c r="Z46" s="103">
        <v>36561006</v>
      </c>
      <c r="AA46" s="105" t="s">
        <v>101</v>
      </c>
      <c r="AB46" s="106"/>
      <c r="AC46" s="99">
        <v>717017</v>
      </c>
      <c r="AD46" s="99">
        <v>807953975</v>
      </c>
      <c r="AE46" s="99">
        <v>154416062</v>
      </c>
      <c r="AF46" s="99">
        <v>653537913</v>
      </c>
      <c r="AG46" s="99">
        <v>1127</v>
      </c>
      <c r="AH46" s="100">
        <v>911</v>
      </c>
      <c r="AI46" s="104">
        <v>0</v>
      </c>
    </row>
  </sheetData>
  <mergeCells count="17">
    <mergeCell ref="AD3:AH3"/>
    <mergeCell ref="D5:D6"/>
    <mergeCell ref="E5:E6"/>
    <mergeCell ref="A3:B6"/>
    <mergeCell ref="K3:L6"/>
    <mergeCell ref="O3:T3"/>
    <mergeCell ref="U3:Z3"/>
    <mergeCell ref="AA3:AB6"/>
    <mergeCell ref="A46:B46"/>
    <mergeCell ref="K46:L46"/>
    <mergeCell ref="AA46:AB46"/>
    <mergeCell ref="A44:B44"/>
    <mergeCell ref="K44:L44"/>
    <mergeCell ref="AA44:AB44"/>
    <mergeCell ref="A45:B45"/>
    <mergeCell ref="K45:L45"/>
    <mergeCell ref="AA45:AB45"/>
  </mergeCells>
  <phoneticPr fontId="2"/>
  <printOptions gridLinesSet="0"/>
  <pageMargins left="0.7" right="0.7" top="0.75" bottom="0.75" header="0.3" footer="0.3"/>
  <pageSetup paperSize="9" scale="85" orientation="landscape" blackAndWhite="1" r:id="rId1"/>
  <headerFooter alignWithMargins="0"/>
  <colBreaks count="3" manualBreakCount="3">
    <brk id="10" max="1048575" man="1"/>
    <brk id="26" max="45" man="1"/>
    <brk id="3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1表</vt:lpstr>
      <vt:lpstr>第11表!Print_Area</vt:lpstr>
      <vt:lpstr>第11表!Print_Titles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2:09:37Z</cp:lastPrinted>
  <dcterms:created xsi:type="dcterms:W3CDTF">2018-03-07T05:08:36Z</dcterms:created>
  <dcterms:modified xsi:type="dcterms:W3CDTF">2018-03-08T02:09:44Z</dcterms:modified>
</cp:coreProperties>
</file>